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給付 (2)" sheetId="1" r:id="rId1"/>
  </sheets>
  <definedNames>
    <definedName name="_Key1" localSheetId="0" hidden="1">#REF!</definedName>
    <definedName name="_Key1" hidden="1">#REF!</definedName>
    <definedName name="_Order1" hidden="1">0</definedName>
    <definedName name="\b" localSheetId="0">#REF!</definedName>
    <definedName name="\b">#REF!</definedName>
    <definedName name="_xlnm.Print_Area" localSheetId="0">'給付 (2)'!$A$1:$AJ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8" uniqueCount="61">
  <si>
    <t>保険者名</t>
  </si>
  <si>
    <t>入      院</t>
    <rPh sb="0" eb="1">
      <t>イリ</t>
    </rPh>
    <rPh sb="7" eb="8">
      <t>イン</t>
    </rPh>
    <phoneticPr fontId="0"/>
  </si>
  <si>
    <t>入院外</t>
    <rPh sb="0" eb="2">
      <t>ニュウイン</t>
    </rPh>
    <rPh sb="2" eb="3">
      <t>ガイ</t>
    </rPh>
    <phoneticPr fontId="0"/>
  </si>
  <si>
    <t>歯      科</t>
    <rPh sb="0" eb="1">
      <t>ハ</t>
    </rPh>
    <rPh sb="7" eb="8">
      <t>カ</t>
    </rPh>
    <phoneticPr fontId="0"/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</t>
  </si>
  <si>
    <t>退職者</t>
    <rPh sb="0" eb="2">
      <t>タイショク</t>
    </rPh>
    <rPh sb="2" eb="3">
      <t>シャ</t>
    </rPh>
    <phoneticPr fontId="0"/>
  </si>
  <si>
    <t>円</t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町村部平均</t>
  </si>
  <si>
    <t>市町村平均</t>
  </si>
  <si>
    <t>組  合  平  均</t>
    <phoneticPr fontId="0"/>
  </si>
  <si>
    <t>県       平       均</t>
    <phoneticPr fontId="0"/>
  </si>
  <si>
    <t>３.　給付（２）　一日当たり医療費の状況(1)</t>
    <rPh sb="14" eb="15">
      <t>イ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２）　一日当たり医療費の状況(</t>
    </r>
    <r>
      <rPr>
        <sz val="11"/>
        <rFont val="ＭＳ Ｐゴシック"/>
        <family val="3"/>
        <charset val="128"/>
      </rPr>
      <t>2)</t>
    </r>
    <rPh sb="14" eb="15">
      <t>イ</t>
    </rPh>
    <phoneticPr fontId="0"/>
  </si>
  <si>
    <t>総      計</t>
    <phoneticPr fontId="0"/>
  </si>
  <si>
    <t>－</t>
  </si>
  <si>
    <t>（注）入院の医療費には食事療養・生活療養、入院外の医療費には調剤の医療費をそれぞれ合算しており、訪問看護は総計のみに計上している。（療養費等は医療費に含まない。)</t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3" eb="55">
      <t>ソウケイ</t>
    </rPh>
    <rPh sb="58" eb="60">
      <t>ケイジョウ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0" fillId="0" borderId="0" xfId="0" applyBorder="1" applyAlignment="1"/>
    <xf numFmtId="0" fontId="3" fillId="0" borderId="0" xfId="0" applyFont="1" applyBorder="1" applyAlignment="1"/>
    <xf numFmtId="0" fontId="3" fillId="0" borderId="0" xfId="0" applyFont="1" applyBorder="1" applyAlignment="1">
      <alignment horizontal="centerContinuous"/>
    </xf>
    <xf numFmtId="0" fontId="3" fillId="0" borderId="1" xfId="0" applyFont="1" applyBorder="1" applyAlignment="1">
      <alignment horizontal="centerContinuous"/>
    </xf>
    <xf numFmtId="0" fontId="3" fillId="0" borderId="0" xfId="0" applyFont="1" applyAlignment="1"/>
    <xf numFmtId="0" fontId="4" fillId="0" borderId="16" xfId="0" applyFont="1" applyBorder="1" applyAlignment="1">
      <alignment horizontal="center"/>
    </xf>
    <xf numFmtId="0" fontId="4" fillId="0" borderId="17" xfId="0" applyFont="1" applyBorder="1" applyAlignment="1">
      <alignment horizontal="center"/>
    </xf>
    <xf numFmtId="0" fontId="4" fillId="0" borderId="18" xfId="0" applyFont="1" applyBorder="1" applyAlignment="1">
      <alignment horizontal="center"/>
    </xf>
    <xf numFmtId="0" fontId="4" fillId="0" borderId="19" xfId="0" applyFont="1" applyBorder="1" applyAlignment="1">
      <alignment horizontal="center"/>
    </xf>
    <xf numFmtId="38" fontId="4" fillId="0" borderId="9" xfId="1" applyFont="1" applyBorder="1" applyAlignment="1" applyProtection="1"/>
    <xf numFmtId="38" fontId="5" fillId="0" borderId="21" xfId="1" applyFont="1" applyBorder="1" applyAlignment="1"/>
    <xf numFmtId="38" fontId="4" fillId="0" borderId="21" xfId="1" applyFont="1" applyBorder="1" applyAlignment="1"/>
    <xf numFmtId="38" fontId="4" fillId="0" borderId="12" xfId="1" applyFont="1" applyBorder="1" applyAlignment="1"/>
    <xf numFmtId="38" fontId="4" fillId="0" borderId="10" xfId="1" applyFont="1" applyBorder="1" applyAlignment="1"/>
    <xf numFmtId="0" fontId="4" fillId="0" borderId="22" xfId="0" applyFont="1" applyBorder="1" applyAlignment="1"/>
    <xf numFmtId="38" fontId="4" fillId="0" borderId="23" xfId="1" applyFont="1" applyBorder="1" applyAlignment="1" applyProtection="1"/>
    <xf numFmtId="38" fontId="4" fillId="0" borderId="14" xfId="1" applyFont="1" applyBorder="1" applyAlignment="1" applyProtection="1"/>
    <xf numFmtId="38" fontId="5" fillId="0" borderId="16" xfId="1" applyFont="1" applyBorder="1" applyAlignment="1"/>
    <xf numFmtId="38" fontId="4" fillId="0" borderId="16" xfId="1" applyFont="1" applyBorder="1" applyAlignment="1"/>
    <xf numFmtId="38" fontId="4" fillId="0" borderId="24" xfId="1" applyFont="1" applyBorder="1" applyAlignment="1"/>
    <xf numFmtId="38" fontId="4" fillId="0" borderId="19" xfId="1" applyFont="1" applyBorder="1" applyAlignment="1"/>
    <xf numFmtId="38" fontId="4" fillId="0" borderId="18" xfId="1" applyFont="1" applyBorder="1" applyAlignment="1"/>
    <xf numFmtId="0" fontId="4" fillId="0" borderId="25" xfId="0" applyFont="1" applyBorder="1" applyAlignment="1"/>
    <xf numFmtId="38" fontId="5" fillId="0" borderId="26" xfId="1" applyFont="1" applyBorder="1" applyAlignment="1"/>
    <xf numFmtId="38" fontId="4" fillId="0" borderId="27" xfId="1" applyFont="1" applyBorder="1" applyAlignment="1"/>
    <xf numFmtId="38" fontId="4" fillId="0" borderId="26" xfId="1" applyFont="1" applyBorder="1" applyAlignment="1"/>
    <xf numFmtId="38" fontId="4" fillId="0" borderId="28" xfId="1" applyFont="1" applyBorder="1" applyAlignment="1" applyProtection="1"/>
    <xf numFmtId="38" fontId="5" fillId="0" borderId="26" xfId="1" applyFont="1" applyBorder="1" applyAlignment="1" applyProtection="1">
      <alignment horizontal="left"/>
    </xf>
    <xf numFmtId="38" fontId="4" fillId="0" borderId="26" xfId="1" applyFont="1" applyBorder="1" applyAlignment="1" applyProtection="1">
      <alignment horizontal="center"/>
    </xf>
    <xf numFmtId="38" fontId="4" fillId="0" borderId="22" xfId="1" applyFont="1" applyBorder="1" applyAlignment="1"/>
    <xf numFmtId="0" fontId="4" fillId="0" borderId="26" xfId="0" applyFont="1" applyBorder="1" applyAlignment="1">
      <alignment horizontal="center"/>
    </xf>
    <xf numFmtId="38" fontId="4" fillId="0" borderId="26" xfId="1" applyFont="1" applyBorder="1" applyAlignment="1" applyProtection="1">
      <alignment horizontal="left"/>
    </xf>
    <xf numFmtId="38" fontId="4" fillId="0" borderId="30" xfId="1" applyFont="1" applyBorder="1" applyAlignment="1"/>
    <xf numFmtId="38" fontId="4" fillId="0" borderId="21" xfId="1" applyFont="1" applyBorder="1" applyAlignment="1" applyProtection="1">
      <alignment horizontal="center"/>
    </xf>
    <xf numFmtId="0" fontId="4" fillId="0" borderId="21" xfId="0" applyFont="1" applyBorder="1" applyAlignment="1">
      <alignment horizontal="center"/>
    </xf>
    <xf numFmtId="38" fontId="5" fillId="0" borderId="31" xfId="1" applyFont="1" applyBorder="1" applyAlignment="1" applyProtection="1">
      <alignment horizontal="left"/>
    </xf>
    <xf numFmtId="38" fontId="4" fillId="0" borderId="16" xfId="1" applyFont="1" applyBorder="1" applyAlignment="1" applyProtection="1">
      <alignment horizontal="center"/>
    </xf>
    <xf numFmtId="38" fontId="4" fillId="0" borderId="31" xfId="1" applyFont="1" applyBorder="1" applyAlignment="1" applyProtection="1">
      <alignment horizontal="left"/>
    </xf>
    <xf numFmtId="38" fontId="4" fillId="0" borderId="34" xfId="1" applyFont="1" applyBorder="1" applyAlignment="1" applyProtection="1">
      <alignment horizontal="center"/>
    </xf>
    <xf numFmtId="38" fontId="4" fillId="0" borderId="31" xfId="1" applyFont="1" applyBorder="1" applyAlignment="1"/>
    <xf numFmtId="38" fontId="4" fillId="0" borderId="35" xfId="1" applyFont="1" applyBorder="1" applyAlignment="1"/>
    <xf numFmtId="38" fontId="4" fillId="0" borderId="36" xfId="1" applyFont="1" applyBorder="1" applyAlignment="1" applyProtection="1">
      <alignment horizontal="center"/>
    </xf>
    <xf numFmtId="38" fontId="4" fillId="0" borderId="34" xfId="1" applyFont="1" applyBorder="1" applyAlignment="1"/>
    <xf numFmtId="0" fontId="4" fillId="0" borderId="36" xfId="0" applyFont="1" applyBorder="1" applyAlignment="1">
      <alignment horizontal="center"/>
    </xf>
    <xf numFmtId="0" fontId="4" fillId="0" borderId="34" xfId="0" applyFont="1" applyBorder="1" applyAlignment="1">
      <alignment horizontal="center"/>
    </xf>
    <xf numFmtId="38" fontId="4" fillId="0" borderId="29" xfId="1" applyFont="1" applyBorder="1" applyAlignment="1"/>
    <xf numFmtId="38" fontId="4" fillId="0" borderId="39" xfId="1" applyFont="1" applyBorder="1" applyAlignment="1" applyProtection="1">
      <alignment horizontal="center"/>
    </xf>
    <xf numFmtId="38" fontId="4" fillId="0" borderId="39" xfId="1" applyFont="1" applyBorder="1" applyAlignment="1"/>
    <xf numFmtId="38" fontId="4" fillId="0" borderId="40" xfId="1" applyFont="1" applyBorder="1" applyAlignment="1" applyProtection="1">
      <alignment horizontal="center"/>
    </xf>
    <xf numFmtId="0" fontId="4" fillId="0" borderId="39" xfId="0" applyFont="1" applyBorder="1" applyAlignment="1">
      <alignment horizontal="center"/>
    </xf>
    <xf numFmtId="0" fontId="4" fillId="0" borderId="40" xfId="0" applyFont="1" applyBorder="1" applyAlignment="1">
      <alignment horizontal="center"/>
    </xf>
    <xf numFmtId="0" fontId="1" fillId="0" borderId="0" xfId="0" applyFont="1" applyBorder="1" applyAlignment="1">
      <alignment horizontal="left"/>
    </xf>
    <xf numFmtId="38" fontId="4" fillId="0" borderId="21" xfId="1" applyFont="1" applyFill="1" applyBorder="1" applyAlignment="1"/>
    <xf numFmtId="38" fontId="4" fillId="0" borderId="32" xfId="1" applyFont="1" applyBorder="1" applyAlignment="1" applyProtection="1">
      <alignment horizontal="distributed" justifyLastLine="1"/>
    </xf>
    <xf numFmtId="0" fontId="4" fillId="0" borderId="33" xfId="0" applyFont="1" applyBorder="1" applyAlignment="1">
      <alignment horizontal="distributed" justifyLastLine="1"/>
    </xf>
    <xf numFmtId="0" fontId="4" fillId="0" borderId="10" xfId="0" applyFont="1" applyBorder="1" applyAlignment="1">
      <alignment horizontal="distributed" justifyLastLine="1"/>
    </xf>
    <xf numFmtId="0" fontId="4" fillId="0" borderId="11" xfId="0" applyFont="1" applyBorder="1" applyAlignment="1">
      <alignment horizontal="distributed" justifyLastLine="1"/>
    </xf>
    <xf numFmtId="0" fontId="4" fillId="0" borderId="12" xfId="0" applyFont="1" applyBorder="1" applyAlignment="1">
      <alignment horizontal="distributed" justifyLastLine="1"/>
    </xf>
    <xf numFmtId="38" fontId="4" fillId="0" borderId="37" xfId="1" applyFont="1" applyBorder="1" applyAlignment="1">
      <alignment horizontal="distributed" justifyLastLine="1"/>
    </xf>
    <xf numFmtId="0" fontId="4" fillId="0" borderId="38" xfId="0" applyFont="1" applyBorder="1" applyAlignment="1">
      <alignment horizontal="distributed" justifyLastLine="1"/>
    </xf>
    <xf numFmtId="38" fontId="4" fillId="0" borderId="32" xfId="1" applyFont="1" applyBorder="1" applyAlignment="1">
      <alignment horizontal="distributed" justifyLastLine="1"/>
    </xf>
    <xf numFmtId="0" fontId="4" fillId="0" borderId="4" xfId="0" applyFont="1" applyBorder="1" applyAlignment="1">
      <alignment horizontal="distributed" justifyLastLine="1"/>
    </xf>
    <xf numFmtId="0" fontId="4" fillId="0" borderId="5" xfId="0" applyFont="1" applyBorder="1" applyAlignment="1">
      <alignment horizontal="distributed" justifyLastLine="1"/>
    </xf>
    <xf numFmtId="0" fontId="4" fillId="0" borderId="7" xfId="0" applyFont="1" applyBorder="1" applyAlignment="1">
      <alignment horizontal="distributed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3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4" fillId="0" borderId="0" xfId="0" applyFont="1" applyBorder="1" applyAlignment="1">
      <alignment horizontal="distributed" vertical="center" justifyLastLine="1"/>
    </xf>
    <xf numFmtId="0" fontId="4" fillId="0" borderId="14" xfId="0" applyFont="1" applyBorder="1" applyAlignment="1">
      <alignment horizontal="distributed" vertical="center" justifyLastLine="1"/>
    </xf>
    <xf numFmtId="0" fontId="4" fillId="0" borderId="1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justifyLastLine="1"/>
    </xf>
    <xf numFmtId="0" fontId="4" fillId="0" borderId="8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horizontal="distributed" vertical="center" justifyLastLine="1"/>
    </xf>
    <xf numFmtId="0" fontId="4" fillId="0" borderId="20" xfId="0" applyFont="1" applyBorder="1" applyAlignment="1">
      <alignment horizontal="distributed" vertical="center" justifyLastLine="1"/>
    </xf>
    <xf numFmtId="38" fontId="4" fillId="0" borderId="3" xfId="1" applyFont="1" applyBorder="1" applyAlignment="1">
      <alignment horizontal="left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128"/>
  <sheetViews>
    <sheetView tabSelected="1" view="pageBreakPreview" topLeftCell="R1" zoomScaleNormal="100" zoomScaleSheetLayoutView="80" workbookViewId="0">
      <selection activeCell="F15" sqref="F15"/>
    </sheetView>
  </sheetViews>
  <sheetFormatPr defaultRowHeight="15.75" customHeight="1" x14ac:dyDescent="0.15"/>
  <cols>
    <col min="1" max="1" width="3.625" style="5" customWidth="1"/>
    <col min="2" max="2" width="10" style="5" customWidth="1"/>
    <col min="3" max="3" width="13.25" style="5" customWidth="1"/>
    <col min="4" max="4" width="4.75" style="5" customWidth="1"/>
    <col min="5" max="5" width="13.25" style="5" customWidth="1"/>
    <col min="6" max="6" width="4.875" style="5" customWidth="1"/>
    <col min="7" max="7" width="13.25" style="5" customWidth="1"/>
    <col min="8" max="8" width="4.75" style="5" customWidth="1"/>
    <col min="9" max="9" width="13.25" style="5" customWidth="1"/>
    <col min="10" max="10" width="4.75" style="5" customWidth="1"/>
    <col min="11" max="11" width="13.125" style="5" customWidth="1"/>
    <col min="12" max="12" width="4.75" style="5" customWidth="1"/>
    <col min="13" max="13" width="13.125" style="5" customWidth="1"/>
    <col min="14" max="14" width="4.75" style="5" customWidth="1"/>
    <col min="15" max="15" width="13.125" style="5" customWidth="1"/>
    <col min="16" max="16" width="4.75" style="5" customWidth="1"/>
    <col min="17" max="17" width="13.125" style="5" customWidth="1"/>
    <col min="18" max="18" width="4.75" style="5" customWidth="1"/>
    <col min="19" max="19" width="3.625" style="5" customWidth="1"/>
    <col min="20" max="20" width="10" style="5" customWidth="1"/>
    <col min="21" max="21" width="13.125" style="5" customWidth="1"/>
    <col min="22" max="22" width="4.75" style="5" customWidth="1"/>
    <col min="23" max="23" width="13.125" style="5" customWidth="1"/>
    <col min="24" max="24" width="4.75" style="5" customWidth="1"/>
    <col min="25" max="25" width="13.125" style="5" customWidth="1"/>
    <col min="26" max="26" width="4.75" style="5" customWidth="1"/>
    <col min="27" max="27" width="13.125" style="5" customWidth="1"/>
    <col min="28" max="28" width="4.75" style="5" customWidth="1"/>
    <col min="29" max="29" width="13.125" style="5" customWidth="1"/>
    <col min="30" max="30" width="4.75" style="5" customWidth="1"/>
    <col min="31" max="31" width="13.125" style="5" customWidth="1"/>
    <col min="32" max="32" width="4.75" style="5" customWidth="1"/>
    <col min="33" max="33" width="13.125" style="5" customWidth="1"/>
    <col min="34" max="34" width="4.75" style="5" customWidth="1"/>
    <col min="35" max="35" width="13.125" style="5" customWidth="1"/>
    <col min="36" max="36" width="4.75" style="5" customWidth="1"/>
    <col min="37" max="16384" width="9" style="5"/>
  </cols>
  <sheetData>
    <row r="1" spans="1:36" s="2" customFormat="1" ht="21" customHeight="1" x14ac:dyDescent="0.15">
      <c r="A1" s="1" t="s">
        <v>56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1" t="s">
        <v>57</v>
      </c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</row>
    <row r="2" spans="1:36" s="2" customFormat="1" ht="7.5" customHeight="1" thickBot="1" x14ac:dyDescent="0.2">
      <c r="A2" s="52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4"/>
    </row>
    <row r="3" spans="1:36" ht="11.25" x14ac:dyDescent="0.15">
      <c r="A3" s="65" t="s">
        <v>0</v>
      </c>
      <c r="B3" s="66"/>
      <c r="C3" s="62" t="s">
        <v>1</v>
      </c>
      <c r="D3" s="63"/>
      <c r="E3" s="63"/>
      <c r="F3" s="63"/>
      <c r="G3" s="63"/>
      <c r="H3" s="63"/>
      <c r="I3" s="63"/>
      <c r="J3" s="64"/>
      <c r="K3" s="71" t="s">
        <v>2</v>
      </c>
      <c r="L3" s="63"/>
      <c r="M3" s="63"/>
      <c r="N3" s="63"/>
      <c r="O3" s="63"/>
      <c r="P3" s="63"/>
      <c r="Q3" s="63"/>
      <c r="R3" s="64"/>
      <c r="S3" s="65" t="s">
        <v>0</v>
      </c>
      <c r="T3" s="72"/>
      <c r="U3" s="62" t="s">
        <v>3</v>
      </c>
      <c r="V3" s="63"/>
      <c r="W3" s="63"/>
      <c r="X3" s="63"/>
      <c r="Y3" s="63"/>
      <c r="Z3" s="63"/>
      <c r="AA3" s="63"/>
      <c r="AB3" s="64"/>
      <c r="AC3" s="63" t="s">
        <v>58</v>
      </c>
      <c r="AD3" s="63"/>
      <c r="AE3" s="63"/>
      <c r="AF3" s="63"/>
      <c r="AG3" s="63"/>
      <c r="AH3" s="63"/>
      <c r="AI3" s="63"/>
      <c r="AJ3" s="64"/>
    </row>
    <row r="4" spans="1:36" ht="10.5" customHeight="1" x14ac:dyDescent="0.15">
      <c r="A4" s="67"/>
      <c r="B4" s="68"/>
      <c r="C4" s="56" t="s">
        <v>4</v>
      </c>
      <c r="D4" s="57"/>
      <c r="E4" s="56" t="s">
        <v>5</v>
      </c>
      <c r="F4" s="57"/>
      <c r="G4" s="56" t="s">
        <v>6</v>
      </c>
      <c r="H4" s="57"/>
      <c r="I4" s="56" t="s">
        <v>7</v>
      </c>
      <c r="J4" s="58"/>
      <c r="K4" s="56" t="s">
        <v>4</v>
      </c>
      <c r="L4" s="57"/>
      <c r="M4" s="56" t="s">
        <v>8</v>
      </c>
      <c r="N4" s="57"/>
      <c r="O4" s="56" t="s">
        <v>6</v>
      </c>
      <c r="P4" s="57"/>
      <c r="Q4" s="56" t="s">
        <v>7</v>
      </c>
      <c r="R4" s="58"/>
      <c r="S4" s="67"/>
      <c r="T4" s="73"/>
      <c r="U4" s="56" t="s">
        <v>4</v>
      </c>
      <c r="V4" s="57"/>
      <c r="W4" s="56" t="s">
        <v>5</v>
      </c>
      <c r="X4" s="57"/>
      <c r="Y4" s="56" t="s">
        <v>6</v>
      </c>
      <c r="Z4" s="57"/>
      <c r="AA4" s="56" t="s">
        <v>7</v>
      </c>
      <c r="AB4" s="58"/>
      <c r="AC4" s="56" t="s">
        <v>4</v>
      </c>
      <c r="AD4" s="57"/>
      <c r="AE4" s="56" t="s">
        <v>5</v>
      </c>
      <c r="AF4" s="57"/>
      <c r="AG4" s="56" t="s">
        <v>6</v>
      </c>
      <c r="AH4" s="57"/>
      <c r="AI4" s="56" t="s">
        <v>7</v>
      </c>
      <c r="AJ4" s="58"/>
    </row>
    <row r="5" spans="1:36" ht="10.5" customHeight="1" thickBot="1" x14ac:dyDescent="0.2">
      <c r="A5" s="69"/>
      <c r="B5" s="70"/>
      <c r="C5" s="6" t="s">
        <v>9</v>
      </c>
      <c r="D5" s="7" t="s">
        <v>10</v>
      </c>
      <c r="E5" s="8" t="s">
        <v>9</v>
      </c>
      <c r="F5" s="8" t="s">
        <v>10</v>
      </c>
      <c r="G5" s="6" t="s">
        <v>9</v>
      </c>
      <c r="H5" s="7" t="s">
        <v>10</v>
      </c>
      <c r="I5" s="6" t="s">
        <v>9</v>
      </c>
      <c r="J5" s="9" t="s">
        <v>10</v>
      </c>
      <c r="K5" s="6" t="s">
        <v>9</v>
      </c>
      <c r="L5" s="7" t="s">
        <v>10</v>
      </c>
      <c r="M5" s="8" t="s">
        <v>9</v>
      </c>
      <c r="N5" s="8" t="s">
        <v>10</v>
      </c>
      <c r="O5" s="6" t="s">
        <v>9</v>
      </c>
      <c r="P5" s="7" t="s">
        <v>10</v>
      </c>
      <c r="Q5" s="6" t="s">
        <v>9</v>
      </c>
      <c r="R5" s="9" t="s">
        <v>10</v>
      </c>
      <c r="S5" s="69"/>
      <c r="T5" s="74"/>
      <c r="U5" s="6" t="s">
        <v>9</v>
      </c>
      <c r="V5" s="7" t="s">
        <v>10</v>
      </c>
      <c r="W5" s="8" t="s">
        <v>9</v>
      </c>
      <c r="X5" s="8" t="s">
        <v>10</v>
      </c>
      <c r="Y5" s="6" t="s">
        <v>9</v>
      </c>
      <c r="Z5" s="7" t="s">
        <v>10</v>
      </c>
      <c r="AA5" s="6" t="s">
        <v>9</v>
      </c>
      <c r="AB5" s="9" t="s">
        <v>10</v>
      </c>
      <c r="AC5" s="6" t="s">
        <v>9</v>
      </c>
      <c r="AD5" s="7" t="s">
        <v>10</v>
      </c>
      <c r="AE5" s="8" t="s">
        <v>9</v>
      </c>
      <c r="AF5" s="8" t="s">
        <v>10</v>
      </c>
      <c r="AG5" s="6" t="s">
        <v>9</v>
      </c>
      <c r="AH5" s="7" t="s">
        <v>10</v>
      </c>
      <c r="AI5" s="6" t="s">
        <v>9</v>
      </c>
      <c r="AJ5" s="9" t="s">
        <v>10</v>
      </c>
    </row>
    <row r="6" spans="1:36" ht="14.1" customHeight="1" thickTop="1" x14ac:dyDescent="0.15">
      <c r="A6" s="10">
        <v>1</v>
      </c>
      <c r="B6" s="11" t="s">
        <v>11</v>
      </c>
      <c r="C6" s="12">
        <v>42450</v>
      </c>
      <c r="D6" s="12">
        <v>6</v>
      </c>
      <c r="E6" s="12">
        <v>45036</v>
      </c>
      <c r="F6" s="12">
        <v>17</v>
      </c>
      <c r="G6" s="12">
        <v>49092</v>
      </c>
      <c r="H6" s="12">
        <v>6</v>
      </c>
      <c r="I6" s="12">
        <v>42485</v>
      </c>
      <c r="J6" s="13">
        <v>5</v>
      </c>
      <c r="K6" s="12">
        <v>13949</v>
      </c>
      <c r="L6" s="12">
        <v>31</v>
      </c>
      <c r="M6" s="12">
        <v>15218</v>
      </c>
      <c r="N6" s="12">
        <v>24</v>
      </c>
      <c r="O6" s="12">
        <v>14270</v>
      </c>
      <c r="P6" s="12">
        <v>30</v>
      </c>
      <c r="Q6" s="12">
        <v>13967</v>
      </c>
      <c r="R6" s="13">
        <v>31</v>
      </c>
      <c r="S6" s="10">
        <v>1</v>
      </c>
      <c r="T6" s="12" t="s">
        <v>11</v>
      </c>
      <c r="U6" s="12">
        <v>6962</v>
      </c>
      <c r="V6" s="12">
        <v>9</v>
      </c>
      <c r="W6" s="12">
        <v>6919</v>
      </c>
      <c r="X6" s="12">
        <v>6</v>
      </c>
      <c r="Y6" s="12">
        <v>6886</v>
      </c>
      <c r="Z6" s="12">
        <v>12</v>
      </c>
      <c r="AA6" s="12">
        <v>6961</v>
      </c>
      <c r="AB6" s="13">
        <v>9</v>
      </c>
      <c r="AC6" s="12">
        <v>16448</v>
      </c>
      <c r="AD6" s="12">
        <v>26</v>
      </c>
      <c r="AE6" s="12">
        <v>17323</v>
      </c>
      <c r="AF6" s="12">
        <v>21</v>
      </c>
      <c r="AG6" s="12">
        <v>17255</v>
      </c>
      <c r="AH6" s="14">
        <v>27</v>
      </c>
      <c r="AI6" s="12">
        <v>16461</v>
      </c>
      <c r="AJ6" s="15">
        <v>26</v>
      </c>
    </row>
    <row r="7" spans="1:36" ht="14.1" customHeight="1" x14ac:dyDescent="0.15">
      <c r="A7" s="16">
        <v>2</v>
      </c>
      <c r="B7" s="11" t="s">
        <v>12</v>
      </c>
      <c r="C7" s="12">
        <v>42822</v>
      </c>
      <c r="D7" s="12">
        <v>4</v>
      </c>
      <c r="E7" s="12">
        <v>45272</v>
      </c>
      <c r="F7" s="12">
        <v>16</v>
      </c>
      <c r="G7" s="12">
        <v>47651</v>
      </c>
      <c r="H7" s="12">
        <v>8</v>
      </c>
      <c r="I7" s="12">
        <v>42875</v>
      </c>
      <c r="J7" s="13">
        <v>3</v>
      </c>
      <c r="K7" s="12">
        <v>14008</v>
      </c>
      <c r="L7" s="12">
        <v>29</v>
      </c>
      <c r="M7" s="12">
        <v>16714</v>
      </c>
      <c r="N7" s="12">
        <v>11</v>
      </c>
      <c r="O7" s="12">
        <v>14466</v>
      </c>
      <c r="P7" s="12">
        <v>25</v>
      </c>
      <c r="Q7" s="12">
        <v>14057</v>
      </c>
      <c r="R7" s="13">
        <v>29</v>
      </c>
      <c r="S7" s="16">
        <v>2</v>
      </c>
      <c r="T7" s="12" t="s">
        <v>12</v>
      </c>
      <c r="U7" s="12">
        <v>6867</v>
      </c>
      <c r="V7" s="12">
        <v>16</v>
      </c>
      <c r="W7" s="12">
        <v>6663</v>
      </c>
      <c r="X7" s="12">
        <v>17</v>
      </c>
      <c r="Y7" s="12">
        <v>6818</v>
      </c>
      <c r="Z7" s="12">
        <v>15</v>
      </c>
      <c r="AA7" s="12">
        <v>6863</v>
      </c>
      <c r="AB7" s="13">
        <v>15</v>
      </c>
      <c r="AC7" s="12">
        <v>16661</v>
      </c>
      <c r="AD7" s="12">
        <v>24</v>
      </c>
      <c r="AE7" s="12">
        <v>19144</v>
      </c>
      <c r="AF7" s="12">
        <v>5</v>
      </c>
      <c r="AG7" s="12">
        <v>17777</v>
      </c>
      <c r="AH7" s="14">
        <v>18</v>
      </c>
      <c r="AI7" s="12">
        <v>16709</v>
      </c>
      <c r="AJ7" s="15">
        <v>23</v>
      </c>
    </row>
    <row r="8" spans="1:36" ht="14.1" customHeight="1" x14ac:dyDescent="0.15">
      <c r="A8" s="16">
        <v>3</v>
      </c>
      <c r="B8" s="11" t="s">
        <v>13</v>
      </c>
      <c r="C8" s="12">
        <v>45526</v>
      </c>
      <c r="D8" s="12">
        <v>1</v>
      </c>
      <c r="E8" s="12">
        <v>46891</v>
      </c>
      <c r="F8" s="12">
        <v>11</v>
      </c>
      <c r="G8" s="12">
        <v>53158</v>
      </c>
      <c r="H8" s="12">
        <v>1</v>
      </c>
      <c r="I8" s="12">
        <v>45548</v>
      </c>
      <c r="J8" s="13">
        <v>1</v>
      </c>
      <c r="K8" s="12">
        <v>14176</v>
      </c>
      <c r="L8" s="12">
        <v>25</v>
      </c>
      <c r="M8" s="12">
        <v>15830</v>
      </c>
      <c r="N8" s="12">
        <v>19</v>
      </c>
      <c r="O8" s="12">
        <v>14367</v>
      </c>
      <c r="P8" s="12">
        <v>28</v>
      </c>
      <c r="Q8" s="12">
        <v>14208</v>
      </c>
      <c r="R8" s="13">
        <v>26</v>
      </c>
      <c r="S8" s="16">
        <v>3</v>
      </c>
      <c r="T8" s="12" t="s">
        <v>13</v>
      </c>
      <c r="U8" s="12">
        <v>6919</v>
      </c>
      <c r="V8" s="12">
        <v>12</v>
      </c>
      <c r="W8" s="12">
        <v>6569</v>
      </c>
      <c r="X8" s="12">
        <v>20</v>
      </c>
      <c r="Y8" s="12">
        <v>6823</v>
      </c>
      <c r="Z8" s="12">
        <v>14</v>
      </c>
      <c r="AA8" s="12">
        <v>6912</v>
      </c>
      <c r="AB8" s="13">
        <v>13</v>
      </c>
      <c r="AC8" s="12">
        <v>16812</v>
      </c>
      <c r="AD8" s="12">
        <v>19</v>
      </c>
      <c r="AE8" s="12">
        <v>17324</v>
      </c>
      <c r="AF8" s="12">
        <v>20</v>
      </c>
      <c r="AG8" s="12">
        <v>17474</v>
      </c>
      <c r="AH8" s="14">
        <v>25</v>
      </c>
      <c r="AI8" s="12">
        <v>16822</v>
      </c>
      <c r="AJ8" s="15">
        <v>20</v>
      </c>
    </row>
    <row r="9" spans="1:36" ht="14.1" customHeight="1" x14ac:dyDescent="0.15">
      <c r="A9" s="16">
        <v>4</v>
      </c>
      <c r="B9" s="11" t="s">
        <v>14</v>
      </c>
      <c r="C9" s="12">
        <v>37527</v>
      </c>
      <c r="D9" s="12">
        <v>20</v>
      </c>
      <c r="E9" s="12">
        <v>41404</v>
      </c>
      <c r="F9" s="12">
        <v>22</v>
      </c>
      <c r="G9" s="12">
        <v>41979</v>
      </c>
      <c r="H9" s="12">
        <v>22</v>
      </c>
      <c r="I9" s="12">
        <v>37606</v>
      </c>
      <c r="J9" s="13">
        <v>20</v>
      </c>
      <c r="K9" s="12">
        <v>14607</v>
      </c>
      <c r="L9" s="12">
        <v>17</v>
      </c>
      <c r="M9" s="12">
        <v>14249</v>
      </c>
      <c r="N9" s="12">
        <v>30</v>
      </c>
      <c r="O9" s="12">
        <v>14786</v>
      </c>
      <c r="P9" s="12">
        <v>22</v>
      </c>
      <c r="Q9" s="12">
        <v>14599</v>
      </c>
      <c r="R9" s="13">
        <v>17</v>
      </c>
      <c r="S9" s="16">
        <v>4</v>
      </c>
      <c r="T9" s="12" t="s">
        <v>14</v>
      </c>
      <c r="U9" s="12">
        <v>7038</v>
      </c>
      <c r="V9" s="12">
        <v>5</v>
      </c>
      <c r="W9" s="12">
        <v>6976</v>
      </c>
      <c r="X9" s="12">
        <v>4</v>
      </c>
      <c r="Y9" s="12">
        <v>7049</v>
      </c>
      <c r="Z9" s="12">
        <v>6</v>
      </c>
      <c r="AA9" s="12">
        <v>7037</v>
      </c>
      <c r="AB9" s="13">
        <v>4</v>
      </c>
      <c r="AC9" s="12">
        <v>16968</v>
      </c>
      <c r="AD9" s="12">
        <v>18</v>
      </c>
      <c r="AE9" s="12">
        <v>17218</v>
      </c>
      <c r="AF9" s="12">
        <v>22</v>
      </c>
      <c r="AG9" s="12">
        <v>17625</v>
      </c>
      <c r="AH9" s="14">
        <v>21</v>
      </c>
      <c r="AI9" s="12">
        <v>16974</v>
      </c>
      <c r="AJ9" s="15">
        <v>18</v>
      </c>
    </row>
    <row r="10" spans="1:36" ht="14.1" customHeight="1" x14ac:dyDescent="0.15">
      <c r="A10" s="16">
        <v>5</v>
      </c>
      <c r="B10" s="11" t="s">
        <v>15</v>
      </c>
      <c r="C10" s="12">
        <v>41680</v>
      </c>
      <c r="D10" s="12">
        <v>8</v>
      </c>
      <c r="E10" s="12">
        <v>39798</v>
      </c>
      <c r="F10" s="12">
        <v>26</v>
      </c>
      <c r="G10" s="12">
        <v>49445</v>
      </c>
      <c r="H10" s="12">
        <v>5</v>
      </c>
      <c r="I10" s="12">
        <v>41634</v>
      </c>
      <c r="J10" s="13">
        <v>7</v>
      </c>
      <c r="K10" s="12">
        <v>14454</v>
      </c>
      <c r="L10" s="12">
        <v>22</v>
      </c>
      <c r="M10" s="12">
        <v>15003</v>
      </c>
      <c r="N10" s="12">
        <v>25</v>
      </c>
      <c r="O10" s="12">
        <v>15095</v>
      </c>
      <c r="P10" s="12">
        <v>18</v>
      </c>
      <c r="Q10" s="12">
        <v>14467</v>
      </c>
      <c r="R10" s="13">
        <v>22</v>
      </c>
      <c r="S10" s="16">
        <v>5</v>
      </c>
      <c r="T10" s="12" t="s">
        <v>15</v>
      </c>
      <c r="U10" s="12">
        <v>6939</v>
      </c>
      <c r="V10" s="12">
        <v>11</v>
      </c>
      <c r="W10" s="12">
        <v>6689</v>
      </c>
      <c r="X10" s="12">
        <v>16</v>
      </c>
      <c r="Y10" s="12">
        <v>6865</v>
      </c>
      <c r="Z10" s="12">
        <v>13</v>
      </c>
      <c r="AA10" s="12">
        <v>6933</v>
      </c>
      <c r="AB10" s="13">
        <v>11</v>
      </c>
      <c r="AC10" s="12">
        <v>16373</v>
      </c>
      <c r="AD10" s="12">
        <v>28</v>
      </c>
      <c r="AE10" s="12">
        <v>16617</v>
      </c>
      <c r="AF10" s="12">
        <v>26</v>
      </c>
      <c r="AG10" s="12">
        <v>17602</v>
      </c>
      <c r="AH10" s="14">
        <v>23</v>
      </c>
      <c r="AI10" s="12">
        <v>16379</v>
      </c>
      <c r="AJ10" s="15">
        <v>30</v>
      </c>
    </row>
    <row r="11" spans="1:36" ht="14.1" customHeight="1" x14ac:dyDescent="0.15">
      <c r="A11" s="16">
        <v>6</v>
      </c>
      <c r="B11" s="11" t="s">
        <v>16</v>
      </c>
      <c r="C11" s="12">
        <v>39263</v>
      </c>
      <c r="D11" s="12">
        <v>14</v>
      </c>
      <c r="E11" s="12">
        <v>51601</v>
      </c>
      <c r="F11" s="12">
        <v>6</v>
      </c>
      <c r="G11" s="12">
        <v>45682</v>
      </c>
      <c r="H11" s="12">
        <v>14</v>
      </c>
      <c r="I11" s="12">
        <v>39476</v>
      </c>
      <c r="J11" s="13">
        <v>14</v>
      </c>
      <c r="K11" s="12">
        <v>13619</v>
      </c>
      <c r="L11" s="12">
        <v>33</v>
      </c>
      <c r="M11" s="12">
        <v>14355</v>
      </c>
      <c r="N11" s="12">
        <v>29</v>
      </c>
      <c r="O11" s="12">
        <v>14086</v>
      </c>
      <c r="P11" s="12">
        <v>32</v>
      </c>
      <c r="Q11" s="12">
        <v>13637</v>
      </c>
      <c r="R11" s="13">
        <v>33</v>
      </c>
      <c r="S11" s="16">
        <v>6</v>
      </c>
      <c r="T11" s="12" t="s">
        <v>16</v>
      </c>
      <c r="U11" s="12">
        <v>6918</v>
      </c>
      <c r="V11" s="12">
        <v>13</v>
      </c>
      <c r="W11" s="12">
        <v>6829</v>
      </c>
      <c r="X11" s="12">
        <v>9</v>
      </c>
      <c r="Y11" s="12">
        <v>6803</v>
      </c>
      <c r="Z11" s="12">
        <v>16</v>
      </c>
      <c r="AA11" s="12">
        <v>6916</v>
      </c>
      <c r="AB11" s="13">
        <v>12</v>
      </c>
      <c r="AC11" s="12">
        <v>15788</v>
      </c>
      <c r="AD11" s="12">
        <v>33</v>
      </c>
      <c r="AE11" s="12">
        <v>16361</v>
      </c>
      <c r="AF11" s="12">
        <v>27</v>
      </c>
      <c r="AG11" s="12">
        <v>16683</v>
      </c>
      <c r="AH11" s="14">
        <v>32</v>
      </c>
      <c r="AI11" s="12">
        <v>15802</v>
      </c>
      <c r="AJ11" s="15">
        <v>33</v>
      </c>
    </row>
    <row r="12" spans="1:36" ht="14.1" customHeight="1" x14ac:dyDescent="0.15">
      <c r="A12" s="16">
        <v>7</v>
      </c>
      <c r="B12" s="11" t="s">
        <v>17</v>
      </c>
      <c r="C12" s="12">
        <v>34267</v>
      </c>
      <c r="D12" s="12">
        <v>31</v>
      </c>
      <c r="E12" s="12">
        <v>51190</v>
      </c>
      <c r="F12" s="12">
        <v>7</v>
      </c>
      <c r="G12" s="12">
        <v>22904</v>
      </c>
      <c r="H12" s="12">
        <v>33</v>
      </c>
      <c r="I12" s="12">
        <v>34512</v>
      </c>
      <c r="J12" s="13">
        <v>31</v>
      </c>
      <c r="K12" s="12">
        <v>14135</v>
      </c>
      <c r="L12" s="12">
        <v>27</v>
      </c>
      <c r="M12" s="12">
        <v>14718</v>
      </c>
      <c r="N12" s="12">
        <v>27</v>
      </c>
      <c r="O12" s="12">
        <v>14405</v>
      </c>
      <c r="P12" s="12">
        <v>27</v>
      </c>
      <c r="Q12" s="12">
        <v>14150</v>
      </c>
      <c r="R12" s="13">
        <v>27</v>
      </c>
      <c r="S12" s="16">
        <v>7</v>
      </c>
      <c r="T12" s="12" t="s">
        <v>17</v>
      </c>
      <c r="U12" s="12">
        <v>7046</v>
      </c>
      <c r="V12" s="12">
        <v>3</v>
      </c>
      <c r="W12" s="12">
        <v>6824</v>
      </c>
      <c r="X12" s="12">
        <v>10</v>
      </c>
      <c r="Y12" s="12">
        <v>7012</v>
      </c>
      <c r="Z12" s="12">
        <v>10</v>
      </c>
      <c r="AA12" s="12">
        <v>7040</v>
      </c>
      <c r="AB12" s="13">
        <v>3</v>
      </c>
      <c r="AC12" s="12">
        <v>16428</v>
      </c>
      <c r="AD12" s="12">
        <v>27</v>
      </c>
      <c r="AE12" s="12">
        <v>17085</v>
      </c>
      <c r="AF12" s="12">
        <v>23</v>
      </c>
      <c r="AG12" s="12">
        <v>15321</v>
      </c>
      <c r="AH12" s="14">
        <v>33</v>
      </c>
      <c r="AI12" s="12">
        <v>16443</v>
      </c>
      <c r="AJ12" s="15">
        <v>27</v>
      </c>
    </row>
    <row r="13" spans="1:36" ht="14.1" customHeight="1" x14ac:dyDescent="0.15">
      <c r="A13" s="16">
        <v>8</v>
      </c>
      <c r="B13" s="11" t="s">
        <v>18</v>
      </c>
      <c r="C13" s="12">
        <v>41142</v>
      </c>
      <c r="D13" s="12">
        <v>9</v>
      </c>
      <c r="E13" s="12">
        <v>55648</v>
      </c>
      <c r="F13" s="12">
        <v>1</v>
      </c>
      <c r="G13" s="12">
        <v>46590</v>
      </c>
      <c r="H13" s="12">
        <v>12</v>
      </c>
      <c r="I13" s="12">
        <v>41397</v>
      </c>
      <c r="J13" s="13">
        <v>8</v>
      </c>
      <c r="K13" s="12">
        <v>14511</v>
      </c>
      <c r="L13" s="12">
        <v>19</v>
      </c>
      <c r="M13" s="12">
        <v>16335</v>
      </c>
      <c r="N13" s="12">
        <v>14</v>
      </c>
      <c r="O13" s="12">
        <v>15076</v>
      </c>
      <c r="P13" s="12">
        <v>19</v>
      </c>
      <c r="Q13" s="12">
        <v>14558</v>
      </c>
      <c r="R13" s="13">
        <v>19</v>
      </c>
      <c r="S13" s="16">
        <v>8</v>
      </c>
      <c r="T13" s="12" t="s">
        <v>18</v>
      </c>
      <c r="U13" s="12">
        <v>6907</v>
      </c>
      <c r="V13" s="12">
        <v>14</v>
      </c>
      <c r="W13" s="12">
        <v>6767</v>
      </c>
      <c r="X13" s="12">
        <v>14</v>
      </c>
      <c r="Y13" s="12">
        <v>6803</v>
      </c>
      <c r="Z13" s="12">
        <v>16</v>
      </c>
      <c r="AA13" s="12">
        <v>6903</v>
      </c>
      <c r="AB13" s="13">
        <v>14</v>
      </c>
      <c r="AC13" s="12">
        <v>16645</v>
      </c>
      <c r="AD13" s="12">
        <v>25</v>
      </c>
      <c r="AE13" s="12">
        <v>17944</v>
      </c>
      <c r="AF13" s="12">
        <v>15</v>
      </c>
      <c r="AG13" s="12">
        <v>17528</v>
      </c>
      <c r="AH13" s="14">
        <v>24</v>
      </c>
      <c r="AI13" s="12">
        <v>16678</v>
      </c>
      <c r="AJ13" s="15">
        <v>25</v>
      </c>
    </row>
    <row r="14" spans="1:36" ht="14.1" customHeight="1" x14ac:dyDescent="0.15">
      <c r="A14" s="16">
        <v>9</v>
      </c>
      <c r="B14" s="11" t="s">
        <v>19</v>
      </c>
      <c r="C14" s="12">
        <v>40575</v>
      </c>
      <c r="D14" s="12">
        <v>10</v>
      </c>
      <c r="E14" s="12">
        <v>51090</v>
      </c>
      <c r="F14" s="12">
        <v>8</v>
      </c>
      <c r="G14" s="12">
        <v>45060</v>
      </c>
      <c r="H14" s="12">
        <v>15</v>
      </c>
      <c r="I14" s="12">
        <v>40726</v>
      </c>
      <c r="J14" s="13">
        <v>10</v>
      </c>
      <c r="K14" s="12">
        <v>14875</v>
      </c>
      <c r="L14" s="12">
        <v>15</v>
      </c>
      <c r="M14" s="12">
        <v>16160</v>
      </c>
      <c r="N14" s="12">
        <v>16</v>
      </c>
      <c r="O14" s="12">
        <v>16596</v>
      </c>
      <c r="P14" s="12">
        <v>3</v>
      </c>
      <c r="Q14" s="12">
        <v>14901</v>
      </c>
      <c r="R14" s="13">
        <v>15</v>
      </c>
      <c r="S14" s="16">
        <v>9</v>
      </c>
      <c r="T14" s="12" t="s">
        <v>19</v>
      </c>
      <c r="U14" s="12">
        <v>6697</v>
      </c>
      <c r="V14" s="12">
        <v>26</v>
      </c>
      <c r="W14" s="12">
        <v>6022</v>
      </c>
      <c r="X14" s="12">
        <v>31</v>
      </c>
      <c r="Y14" s="12">
        <v>6625</v>
      </c>
      <c r="Z14" s="12">
        <v>27</v>
      </c>
      <c r="AA14" s="12">
        <v>6685</v>
      </c>
      <c r="AB14" s="13">
        <v>28</v>
      </c>
      <c r="AC14" s="12">
        <v>16771</v>
      </c>
      <c r="AD14" s="12">
        <v>21</v>
      </c>
      <c r="AE14" s="12">
        <v>17841</v>
      </c>
      <c r="AF14" s="12">
        <v>16</v>
      </c>
      <c r="AG14" s="12">
        <v>18568</v>
      </c>
      <c r="AH14" s="14">
        <v>5</v>
      </c>
      <c r="AI14" s="12">
        <v>16791</v>
      </c>
      <c r="AJ14" s="15">
        <v>21</v>
      </c>
    </row>
    <row r="15" spans="1:36" ht="14.1" customHeight="1" x14ac:dyDescent="0.15">
      <c r="A15" s="16">
        <v>10</v>
      </c>
      <c r="B15" s="11" t="s">
        <v>20</v>
      </c>
      <c r="C15" s="12">
        <v>38303</v>
      </c>
      <c r="D15" s="12">
        <v>17</v>
      </c>
      <c r="E15" s="12">
        <v>39915</v>
      </c>
      <c r="F15" s="12">
        <v>25</v>
      </c>
      <c r="G15" s="12">
        <v>44176</v>
      </c>
      <c r="H15" s="12">
        <v>18</v>
      </c>
      <c r="I15" s="12">
        <v>38333</v>
      </c>
      <c r="J15" s="13">
        <v>17</v>
      </c>
      <c r="K15" s="12">
        <v>14465</v>
      </c>
      <c r="L15" s="12">
        <v>20</v>
      </c>
      <c r="M15" s="12">
        <v>16795</v>
      </c>
      <c r="N15" s="12">
        <v>9</v>
      </c>
      <c r="O15" s="12">
        <v>15034</v>
      </c>
      <c r="P15" s="12">
        <v>20</v>
      </c>
      <c r="Q15" s="12">
        <v>14511</v>
      </c>
      <c r="R15" s="13">
        <v>20</v>
      </c>
      <c r="S15" s="16">
        <v>10</v>
      </c>
      <c r="T15" s="12" t="s">
        <v>20</v>
      </c>
      <c r="U15" s="12">
        <v>6828</v>
      </c>
      <c r="V15" s="12">
        <v>19</v>
      </c>
      <c r="W15" s="12">
        <v>6726</v>
      </c>
      <c r="X15" s="12">
        <v>15</v>
      </c>
      <c r="Y15" s="12">
        <v>6774</v>
      </c>
      <c r="Z15" s="12">
        <v>19</v>
      </c>
      <c r="AA15" s="12">
        <v>6826</v>
      </c>
      <c r="AB15" s="13">
        <v>19</v>
      </c>
      <c r="AC15" s="12">
        <v>16682</v>
      </c>
      <c r="AD15" s="12">
        <v>22</v>
      </c>
      <c r="AE15" s="12">
        <v>18291</v>
      </c>
      <c r="AF15" s="12">
        <v>11</v>
      </c>
      <c r="AG15" s="12">
        <v>17761</v>
      </c>
      <c r="AH15" s="14">
        <v>19</v>
      </c>
      <c r="AI15" s="12">
        <v>16713</v>
      </c>
      <c r="AJ15" s="15">
        <v>22</v>
      </c>
    </row>
    <row r="16" spans="1:36" ht="14.1" customHeight="1" x14ac:dyDescent="0.15">
      <c r="A16" s="16">
        <v>11</v>
      </c>
      <c r="B16" s="11" t="s">
        <v>21</v>
      </c>
      <c r="C16" s="12">
        <v>41823</v>
      </c>
      <c r="D16" s="12">
        <v>7</v>
      </c>
      <c r="E16" s="12">
        <v>45010</v>
      </c>
      <c r="F16" s="12">
        <v>18</v>
      </c>
      <c r="G16" s="12">
        <v>47632</v>
      </c>
      <c r="H16" s="12">
        <v>9</v>
      </c>
      <c r="I16" s="12">
        <v>41880</v>
      </c>
      <c r="J16" s="13">
        <v>6</v>
      </c>
      <c r="K16" s="12">
        <v>14669</v>
      </c>
      <c r="L16" s="12">
        <v>16</v>
      </c>
      <c r="M16" s="12">
        <v>18333</v>
      </c>
      <c r="N16" s="12">
        <v>3</v>
      </c>
      <c r="O16" s="12">
        <v>15163</v>
      </c>
      <c r="P16" s="12">
        <v>16</v>
      </c>
      <c r="Q16" s="12">
        <v>14770</v>
      </c>
      <c r="R16" s="13">
        <v>16</v>
      </c>
      <c r="S16" s="16">
        <v>11</v>
      </c>
      <c r="T16" s="12" t="s">
        <v>21</v>
      </c>
      <c r="U16" s="12">
        <v>7180</v>
      </c>
      <c r="V16" s="12">
        <v>2</v>
      </c>
      <c r="W16" s="12">
        <v>6779</v>
      </c>
      <c r="X16" s="12">
        <v>13</v>
      </c>
      <c r="Y16" s="12">
        <v>7278</v>
      </c>
      <c r="Z16" s="12">
        <v>3</v>
      </c>
      <c r="AA16" s="12">
        <v>7168</v>
      </c>
      <c r="AB16" s="13">
        <v>2</v>
      </c>
      <c r="AC16" s="12">
        <v>17320</v>
      </c>
      <c r="AD16" s="12">
        <v>11</v>
      </c>
      <c r="AE16" s="12">
        <v>18658</v>
      </c>
      <c r="AF16" s="12">
        <v>9</v>
      </c>
      <c r="AG16" s="12">
        <v>18244</v>
      </c>
      <c r="AH16" s="14">
        <v>11</v>
      </c>
      <c r="AI16" s="12">
        <v>17356</v>
      </c>
      <c r="AJ16" s="15">
        <v>11</v>
      </c>
    </row>
    <row r="17" spans="1:36" ht="14.1" customHeight="1" x14ac:dyDescent="0.15">
      <c r="A17" s="16">
        <v>12</v>
      </c>
      <c r="B17" s="11" t="s">
        <v>22</v>
      </c>
      <c r="C17" s="12">
        <v>36637</v>
      </c>
      <c r="D17" s="12">
        <v>23</v>
      </c>
      <c r="E17" s="12">
        <v>44711</v>
      </c>
      <c r="F17" s="12">
        <v>19</v>
      </c>
      <c r="G17" s="12">
        <v>42071</v>
      </c>
      <c r="H17" s="12">
        <v>21</v>
      </c>
      <c r="I17" s="12">
        <v>36824</v>
      </c>
      <c r="J17" s="13">
        <v>23</v>
      </c>
      <c r="K17" s="12">
        <v>15295</v>
      </c>
      <c r="L17" s="12">
        <v>10</v>
      </c>
      <c r="M17" s="12">
        <v>16545</v>
      </c>
      <c r="N17" s="12">
        <v>13</v>
      </c>
      <c r="O17" s="12">
        <v>15750</v>
      </c>
      <c r="P17" s="12">
        <v>10</v>
      </c>
      <c r="Q17" s="12">
        <v>15331</v>
      </c>
      <c r="R17" s="13">
        <v>10</v>
      </c>
      <c r="S17" s="16">
        <v>12</v>
      </c>
      <c r="T17" s="12" t="s">
        <v>22</v>
      </c>
      <c r="U17" s="12">
        <v>6666</v>
      </c>
      <c r="V17" s="12">
        <v>29</v>
      </c>
      <c r="W17" s="12">
        <v>6508</v>
      </c>
      <c r="X17" s="12">
        <v>22</v>
      </c>
      <c r="Y17" s="12">
        <v>6669</v>
      </c>
      <c r="Z17" s="12">
        <v>26</v>
      </c>
      <c r="AA17" s="12">
        <v>6661</v>
      </c>
      <c r="AB17" s="13">
        <v>29</v>
      </c>
      <c r="AC17" s="12">
        <v>17346</v>
      </c>
      <c r="AD17" s="12">
        <v>10</v>
      </c>
      <c r="AE17" s="12">
        <v>18244</v>
      </c>
      <c r="AF17" s="12">
        <v>13</v>
      </c>
      <c r="AG17" s="12">
        <v>18284</v>
      </c>
      <c r="AH17" s="14">
        <v>9</v>
      </c>
      <c r="AI17" s="12">
        <v>17371</v>
      </c>
      <c r="AJ17" s="15">
        <v>9</v>
      </c>
    </row>
    <row r="18" spans="1:36" ht="14.1" customHeight="1" x14ac:dyDescent="0.15">
      <c r="A18" s="16">
        <v>13</v>
      </c>
      <c r="B18" s="11" t="s">
        <v>23</v>
      </c>
      <c r="C18" s="12">
        <v>39509</v>
      </c>
      <c r="D18" s="12">
        <v>13</v>
      </c>
      <c r="E18" s="12">
        <v>54811</v>
      </c>
      <c r="F18" s="12">
        <v>3</v>
      </c>
      <c r="G18" s="12">
        <v>46168</v>
      </c>
      <c r="H18" s="12">
        <v>13</v>
      </c>
      <c r="I18" s="12">
        <v>39850</v>
      </c>
      <c r="J18" s="13">
        <v>13</v>
      </c>
      <c r="K18" s="12">
        <v>14258</v>
      </c>
      <c r="L18" s="12">
        <v>24</v>
      </c>
      <c r="M18" s="12">
        <v>15938</v>
      </c>
      <c r="N18" s="12">
        <v>17</v>
      </c>
      <c r="O18" s="12">
        <v>14745</v>
      </c>
      <c r="P18" s="12">
        <v>24</v>
      </c>
      <c r="Q18" s="12">
        <v>14301</v>
      </c>
      <c r="R18" s="13">
        <v>24</v>
      </c>
      <c r="S18" s="16">
        <v>13</v>
      </c>
      <c r="T18" s="12" t="s">
        <v>23</v>
      </c>
      <c r="U18" s="12">
        <v>6744</v>
      </c>
      <c r="V18" s="12">
        <v>24</v>
      </c>
      <c r="W18" s="12">
        <v>6548</v>
      </c>
      <c r="X18" s="12">
        <v>21</v>
      </c>
      <c r="Y18" s="12">
        <v>6704</v>
      </c>
      <c r="Z18" s="12">
        <v>25</v>
      </c>
      <c r="AA18" s="12">
        <v>6739</v>
      </c>
      <c r="AB18" s="13">
        <v>24</v>
      </c>
      <c r="AC18" s="12">
        <v>16801</v>
      </c>
      <c r="AD18" s="12">
        <v>20</v>
      </c>
      <c r="AE18" s="12">
        <v>19279</v>
      </c>
      <c r="AF18" s="12">
        <v>4</v>
      </c>
      <c r="AG18" s="12">
        <v>17947</v>
      </c>
      <c r="AH18" s="14">
        <v>17</v>
      </c>
      <c r="AI18" s="12">
        <v>16864</v>
      </c>
      <c r="AJ18" s="15">
        <v>19</v>
      </c>
    </row>
    <row r="19" spans="1:36" ht="14.1" customHeight="1" x14ac:dyDescent="0.15">
      <c r="A19" s="16">
        <v>14</v>
      </c>
      <c r="B19" s="11" t="s">
        <v>24</v>
      </c>
      <c r="C19" s="12">
        <v>39951</v>
      </c>
      <c r="D19" s="12">
        <v>11</v>
      </c>
      <c r="E19" s="12">
        <v>48229</v>
      </c>
      <c r="F19" s="12">
        <v>10</v>
      </c>
      <c r="G19" s="12">
        <v>46616</v>
      </c>
      <c r="H19" s="12">
        <v>11</v>
      </c>
      <c r="I19" s="12">
        <v>40066</v>
      </c>
      <c r="J19" s="13">
        <v>11</v>
      </c>
      <c r="K19" s="12">
        <v>14540</v>
      </c>
      <c r="L19" s="12">
        <v>18</v>
      </c>
      <c r="M19" s="12">
        <v>15882</v>
      </c>
      <c r="N19" s="12">
        <v>18</v>
      </c>
      <c r="O19" s="12">
        <v>14995</v>
      </c>
      <c r="P19" s="12">
        <v>21</v>
      </c>
      <c r="Q19" s="12">
        <v>14566</v>
      </c>
      <c r="R19" s="13">
        <v>18</v>
      </c>
      <c r="S19" s="16">
        <v>14</v>
      </c>
      <c r="T19" s="12" t="s">
        <v>24</v>
      </c>
      <c r="U19" s="12">
        <v>6763</v>
      </c>
      <c r="V19" s="12">
        <v>23</v>
      </c>
      <c r="W19" s="12">
        <v>6639</v>
      </c>
      <c r="X19" s="12">
        <v>19</v>
      </c>
      <c r="Y19" s="12">
        <v>6616</v>
      </c>
      <c r="Z19" s="12">
        <v>28</v>
      </c>
      <c r="AA19" s="12">
        <v>6760</v>
      </c>
      <c r="AB19" s="13">
        <v>23</v>
      </c>
      <c r="AC19" s="12">
        <v>16677</v>
      </c>
      <c r="AD19" s="12">
        <v>23</v>
      </c>
      <c r="AE19" s="12">
        <v>17351</v>
      </c>
      <c r="AF19" s="12">
        <v>18</v>
      </c>
      <c r="AG19" s="12">
        <v>17657</v>
      </c>
      <c r="AH19" s="14">
        <v>20</v>
      </c>
      <c r="AI19" s="12">
        <v>16690</v>
      </c>
      <c r="AJ19" s="15">
        <v>24</v>
      </c>
    </row>
    <row r="20" spans="1:36" ht="14.1" customHeight="1" x14ac:dyDescent="0.15">
      <c r="A20" s="16">
        <v>15</v>
      </c>
      <c r="B20" s="11" t="s">
        <v>25</v>
      </c>
      <c r="C20" s="12">
        <v>36243</v>
      </c>
      <c r="D20" s="12">
        <v>25</v>
      </c>
      <c r="E20" s="12">
        <v>48601</v>
      </c>
      <c r="F20" s="12">
        <v>9</v>
      </c>
      <c r="G20" s="12">
        <v>40812</v>
      </c>
      <c r="H20" s="12">
        <v>25</v>
      </c>
      <c r="I20" s="12">
        <v>36467</v>
      </c>
      <c r="J20" s="13">
        <v>24</v>
      </c>
      <c r="K20" s="12">
        <v>15899</v>
      </c>
      <c r="L20" s="12">
        <v>4</v>
      </c>
      <c r="M20" s="12">
        <v>17956</v>
      </c>
      <c r="N20" s="12">
        <v>4</v>
      </c>
      <c r="O20" s="12">
        <v>16263</v>
      </c>
      <c r="P20" s="12">
        <v>6</v>
      </c>
      <c r="Q20" s="12">
        <v>15956</v>
      </c>
      <c r="R20" s="13">
        <v>4</v>
      </c>
      <c r="S20" s="16">
        <v>15</v>
      </c>
      <c r="T20" s="12" t="s">
        <v>25</v>
      </c>
      <c r="U20" s="12">
        <v>6484</v>
      </c>
      <c r="V20" s="12">
        <v>32</v>
      </c>
      <c r="W20" s="12">
        <v>6316</v>
      </c>
      <c r="X20" s="12">
        <v>26</v>
      </c>
      <c r="Y20" s="12">
        <v>6476</v>
      </c>
      <c r="Z20" s="12">
        <v>31</v>
      </c>
      <c r="AA20" s="12">
        <v>6478</v>
      </c>
      <c r="AB20" s="13">
        <v>32</v>
      </c>
      <c r="AC20" s="12">
        <v>17665</v>
      </c>
      <c r="AD20" s="12">
        <v>5</v>
      </c>
      <c r="AE20" s="12">
        <v>18666</v>
      </c>
      <c r="AF20" s="12">
        <v>8</v>
      </c>
      <c r="AG20" s="12">
        <v>18527</v>
      </c>
      <c r="AH20" s="14">
        <v>6</v>
      </c>
      <c r="AI20" s="12">
        <v>17692</v>
      </c>
      <c r="AJ20" s="15">
        <v>5</v>
      </c>
    </row>
    <row r="21" spans="1:36" ht="14.1" customHeight="1" x14ac:dyDescent="0.15">
      <c r="A21" s="16">
        <v>16</v>
      </c>
      <c r="B21" s="11" t="s">
        <v>26</v>
      </c>
      <c r="C21" s="12">
        <v>39761</v>
      </c>
      <c r="D21" s="12">
        <v>12</v>
      </c>
      <c r="E21" s="12">
        <v>45891</v>
      </c>
      <c r="F21" s="12">
        <v>14</v>
      </c>
      <c r="G21" s="12">
        <v>47121</v>
      </c>
      <c r="H21" s="12">
        <v>10</v>
      </c>
      <c r="I21" s="12">
        <v>39902</v>
      </c>
      <c r="J21" s="13">
        <v>12</v>
      </c>
      <c r="K21" s="12">
        <v>15231</v>
      </c>
      <c r="L21" s="12">
        <v>11</v>
      </c>
      <c r="M21" s="12">
        <v>15661</v>
      </c>
      <c r="N21" s="12">
        <v>21</v>
      </c>
      <c r="O21" s="12">
        <v>15636</v>
      </c>
      <c r="P21" s="12">
        <v>11</v>
      </c>
      <c r="Q21" s="12">
        <v>15240</v>
      </c>
      <c r="R21" s="13">
        <v>11</v>
      </c>
      <c r="S21" s="16">
        <v>16</v>
      </c>
      <c r="T21" s="12" t="s">
        <v>26</v>
      </c>
      <c r="U21" s="12">
        <v>6809</v>
      </c>
      <c r="V21" s="12">
        <v>22</v>
      </c>
      <c r="W21" s="12">
        <v>6873</v>
      </c>
      <c r="X21" s="12">
        <v>7</v>
      </c>
      <c r="Y21" s="12">
        <v>6779</v>
      </c>
      <c r="Z21" s="12">
        <v>18</v>
      </c>
      <c r="AA21" s="12">
        <v>6811</v>
      </c>
      <c r="AB21" s="13">
        <v>22</v>
      </c>
      <c r="AC21" s="12">
        <v>17210</v>
      </c>
      <c r="AD21" s="12">
        <v>15</v>
      </c>
      <c r="AE21" s="12">
        <v>18282</v>
      </c>
      <c r="AF21" s="12">
        <v>12</v>
      </c>
      <c r="AG21" s="12">
        <v>18128</v>
      </c>
      <c r="AH21" s="14">
        <v>13</v>
      </c>
      <c r="AI21" s="12">
        <v>17234</v>
      </c>
      <c r="AJ21" s="15">
        <v>14</v>
      </c>
    </row>
    <row r="22" spans="1:36" ht="14.1" customHeight="1" x14ac:dyDescent="0.15">
      <c r="A22" s="16">
        <v>17</v>
      </c>
      <c r="B22" s="11" t="s">
        <v>27</v>
      </c>
      <c r="C22" s="12">
        <v>38384</v>
      </c>
      <c r="D22" s="12">
        <v>16</v>
      </c>
      <c r="E22" s="12">
        <v>46014</v>
      </c>
      <c r="F22" s="12">
        <v>12</v>
      </c>
      <c r="G22" s="12">
        <v>44885</v>
      </c>
      <c r="H22" s="12">
        <v>17</v>
      </c>
      <c r="I22" s="12">
        <v>38596</v>
      </c>
      <c r="J22" s="13">
        <v>16</v>
      </c>
      <c r="K22" s="12">
        <v>14106</v>
      </c>
      <c r="L22" s="12">
        <v>28</v>
      </c>
      <c r="M22" s="12">
        <v>18821</v>
      </c>
      <c r="N22" s="12">
        <v>2</v>
      </c>
      <c r="O22" s="12">
        <v>14320</v>
      </c>
      <c r="P22" s="12">
        <v>29</v>
      </c>
      <c r="Q22" s="12">
        <v>14236</v>
      </c>
      <c r="R22" s="13">
        <v>25</v>
      </c>
      <c r="S22" s="16">
        <v>17</v>
      </c>
      <c r="T22" s="12" t="s">
        <v>27</v>
      </c>
      <c r="U22" s="12">
        <v>6827</v>
      </c>
      <c r="V22" s="12">
        <v>20</v>
      </c>
      <c r="W22" s="12">
        <v>6930</v>
      </c>
      <c r="X22" s="12">
        <v>5</v>
      </c>
      <c r="Y22" s="12">
        <v>6769</v>
      </c>
      <c r="Z22" s="12">
        <v>20</v>
      </c>
      <c r="AA22" s="12">
        <v>6830</v>
      </c>
      <c r="AB22" s="13">
        <v>18</v>
      </c>
      <c r="AC22" s="12">
        <v>16304</v>
      </c>
      <c r="AD22" s="12">
        <v>30</v>
      </c>
      <c r="AE22" s="12">
        <v>20540</v>
      </c>
      <c r="AF22" s="12">
        <v>1</v>
      </c>
      <c r="AG22" s="12">
        <v>16976</v>
      </c>
      <c r="AH22" s="14">
        <v>30</v>
      </c>
      <c r="AI22" s="12">
        <v>16421</v>
      </c>
      <c r="AJ22" s="15">
        <v>28</v>
      </c>
    </row>
    <row r="23" spans="1:36" ht="14.1" customHeight="1" x14ac:dyDescent="0.15">
      <c r="A23" s="16">
        <v>18</v>
      </c>
      <c r="B23" s="11" t="s">
        <v>28</v>
      </c>
      <c r="C23" s="12">
        <v>34421</v>
      </c>
      <c r="D23" s="12">
        <v>30</v>
      </c>
      <c r="E23" s="12">
        <v>38318</v>
      </c>
      <c r="F23" s="12">
        <v>27</v>
      </c>
      <c r="G23" s="12">
        <v>39500</v>
      </c>
      <c r="H23" s="12">
        <v>27</v>
      </c>
      <c r="I23" s="12">
        <v>34536</v>
      </c>
      <c r="J23" s="13">
        <v>30</v>
      </c>
      <c r="K23" s="12">
        <v>14459</v>
      </c>
      <c r="L23" s="12">
        <v>21</v>
      </c>
      <c r="M23" s="12">
        <v>15310</v>
      </c>
      <c r="N23" s="12">
        <v>23</v>
      </c>
      <c r="O23" s="12">
        <v>14442</v>
      </c>
      <c r="P23" s="12">
        <v>26</v>
      </c>
      <c r="Q23" s="12">
        <v>14485</v>
      </c>
      <c r="R23" s="13">
        <v>21</v>
      </c>
      <c r="S23" s="16">
        <v>18</v>
      </c>
      <c r="T23" s="12" t="s">
        <v>28</v>
      </c>
      <c r="U23" s="12">
        <v>6444</v>
      </c>
      <c r="V23" s="12">
        <v>33</v>
      </c>
      <c r="W23" s="12">
        <v>6428</v>
      </c>
      <c r="X23" s="12">
        <v>23</v>
      </c>
      <c r="Y23" s="12">
        <v>6490</v>
      </c>
      <c r="Z23" s="12">
        <v>30</v>
      </c>
      <c r="AA23" s="12">
        <v>6443</v>
      </c>
      <c r="AB23" s="13">
        <v>33</v>
      </c>
      <c r="AC23" s="12">
        <v>16358</v>
      </c>
      <c r="AD23" s="12">
        <v>29</v>
      </c>
      <c r="AE23" s="12">
        <v>17081</v>
      </c>
      <c r="AF23" s="12">
        <v>24</v>
      </c>
      <c r="AG23" s="12">
        <v>16953</v>
      </c>
      <c r="AH23" s="14">
        <v>31</v>
      </c>
      <c r="AI23" s="12">
        <v>16380</v>
      </c>
      <c r="AJ23" s="15">
        <v>29</v>
      </c>
    </row>
    <row r="24" spans="1:36" ht="14.1" customHeight="1" thickBot="1" x14ac:dyDescent="0.2">
      <c r="A24" s="17">
        <v>21</v>
      </c>
      <c r="B24" s="18" t="s">
        <v>29</v>
      </c>
      <c r="C24" s="19">
        <v>38878</v>
      </c>
      <c r="D24" s="19">
        <v>15</v>
      </c>
      <c r="E24" s="19">
        <v>40854</v>
      </c>
      <c r="F24" s="19">
        <v>23</v>
      </c>
      <c r="G24" s="19">
        <v>43408</v>
      </c>
      <c r="H24" s="19">
        <v>20</v>
      </c>
      <c r="I24" s="20">
        <v>38918</v>
      </c>
      <c r="J24" s="21">
        <v>15</v>
      </c>
      <c r="K24" s="19">
        <v>15319</v>
      </c>
      <c r="L24" s="19">
        <v>9</v>
      </c>
      <c r="M24" s="19">
        <v>17432</v>
      </c>
      <c r="N24" s="19">
        <v>6</v>
      </c>
      <c r="O24" s="19">
        <v>15619</v>
      </c>
      <c r="P24" s="19">
        <v>12</v>
      </c>
      <c r="Q24" s="20">
        <v>15370</v>
      </c>
      <c r="R24" s="21">
        <v>9</v>
      </c>
      <c r="S24" s="17">
        <v>21</v>
      </c>
      <c r="T24" s="19" t="s">
        <v>29</v>
      </c>
      <c r="U24" s="19">
        <v>7039</v>
      </c>
      <c r="V24" s="19">
        <v>4</v>
      </c>
      <c r="W24" s="19">
        <v>6839</v>
      </c>
      <c r="X24" s="19">
        <v>8</v>
      </c>
      <c r="Y24" s="19">
        <v>7026</v>
      </c>
      <c r="Z24" s="19">
        <v>8</v>
      </c>
      <c r="AA24" s="19">
        <v>7034</v>
      </c>
      <c r="AB24" s="21">
        <v>5</v>
      </c>
      <c r="AC24" s="19">
        <v>17367</v>
      </c>
      <c r="AD24" s="19">
        <v>9</v>
      </c>
      <c r="AE24" s="19">
        <v>18467</v>
      </c>
      <c r="AF24" s="19">
        <v>10</v>
      </c>
      <c r="AG24" s="19">
        <v>18075</v>
      </c>
      <c r="AH24" s="22">
        <v>14</v>
      </c>
      <c r="AI24" s="20">
        <v>17393</v>
      </c>
      <c r="AJ24" s="23">
        <v>8</v>
      </c>
    </row>
    <row r="25" spans="1:36" ht="14.1" customHeight="1" thickTop="1" x14ac:dyDescent="0.15">
      <c r="A25" s="10">
        <v>19</v>
      </c>
      <c r="B25" s="24" t="s">
        <v>30</v>
      </c>
      <c r="C25" s="12">
        <v>45125</v>
      </c>
      <c r="D25" s="12">
        <v>2</v>
      </c>
      <c r="E25" s="12">
        <v>44579</v>
      </c>
      <c r="F25" s="12">
        <v>20</v>
      </c>
      <c r="G25" s="12">
        <v>52270</v>
      </c>
      <c r="H25" s="12">
        <v>2</v>
      </c>
      <c r="I25" s="25">
        <v>45107</v>
      </c>
      <c r="J25" s="13">
        <v>2</v>
      </c>
      <c r="K25" s="12">
        <v>13969</v>
      </c>
      <c r="L25" s="12">
        <v>30</v>
      </c>
      <c r="M25" s="12">
        <v>14745</v>
      </c>
      <c r="N25" s="12">
        <v>26</v>
      </c>
      <c r="O25" s="12">
        <v>14755</v>
      </c>
      <c r="P25" s="12">
        <v>23</v>
      </c>
      <c r="Q25" s="25">
        <v>13984</v>
      </c>
      <c r="R25" s="13">
        <v>30</v>
      </c>
      <c r="S25" s="10">
        <v>19</v>
      </c>
      <c r="T25" s="26" t="s">
        <v>30</v>
      </c>
      <c r="U25" s="12">
        <v>7028</v>
      </c>
      <c r="V25" s="12">
        <v>6</v>
      </c>
      <c r="W25" s="12">
        <v>6805</v>
      </c>
      <c r="X25" s="12">
        <v>11</v>
      </c>
      <c r="Y25" s="12">
        <v>7014</v>
      </c>
      <c r="Z25" s="12">
        <v>9</v>
      </c>
      <c r="AA25" s="26">
        <v>7023</v>
      </c>
      <c r="AB25" s="13">
        <v>6</v>
      </c>
      <c r="AC25" s="12">
        <v>15932</v>
      </c>
      <c r="AD25" s="12">
        <v>32</v>
      </c>
      <c r="AE25" s="12">
        <v>18033</v>
      </c>
      <c r="AF25" s="12">
        <v>14</v>
      </c>
      <c r="AG25" s="12">
        <v>17113</v>
      </c>
      <c r="AH25" s="14">
        <v>29</v>
      </c>
      <c r="AI25" s="25">
        <v>15977</v>
      </c>
      <c r="AJ25" s="15">
        <v>32</v>
      </c>
    </row>
    <row r="26" spans="1:36" ht="14.1" customHeight="1" x14ac:dyDescent="0.15">
      <c r="A26" s="16">
        <v>20</v>
      </c>
      <c r="B26" s="11" t="s">
        <v>31</v>
      </c>
      <c r="C26" s="12">
        <v>36105</v>
      </c>
      <c r="D26" s="12">
        <v>26</v>
      </c>
      <c r="E26" s="12">
        <v>46006</v>
      </c>
      <c r="F26" s="12">
        <v>13</v>
      </c>
      <c r="G26" s="12">
        <v>41899</v>
      </c>
      <c r="H26" s="12">
        <v>23</v>
      </c>
      <c r="I26" s="12">
        <v>36267</v>
      </c>
      <c r="J26" s="13">
        <v>26</v>
      </c>
      <c r="K26" s="12">
        <v>14961</v>
      </c>
      <c r="L26" s="12">
        <v>14</v>
      </c>
      <c r="M26" s="12">
        <v>16234</v>
      </c>
      <c r="N26" s="12">
        <v>15</v>
      </c>
      <c r="O26" s="12">
        <v>15168</v>
      </c>
      <c r="P26" s="12">
        <v>15</v>
      </c>
      <c r="Q26" s="12">
        <v>14996</v>
      </c>
      <c r="R26" s="13">
        <v>14</v>
      </c>
      <c r="S26" s="16">
        <v>20</v>
      </c>
      <c r="T26" s="12" t="s">
        <v>31</v>
      </c>
      <c r="U26" s="12">
        <v>6709</v>
      </c>
      <c r="V26" s="12">
        <v>25</v>
      </c>
      <c r="W26" s="12">
        <v>6642</v>
      </c>
      <c r="X26" s="12">
        <v>18</v>
      </c>
      <c r="Y26" s="12">
        <v>6730</v>
      </c>
      <c r="Z26" s="12">
        <v>23</v>
      </c>
      <c r="AA26" s="12">
        <v>6707</v>
      </c>
      <c r="AB26" s="13">
        <v>25</v>
      </c>
      <c r="AC26" s="12">
        <v>17161</v>
      </c>
      <c r="AD26" s="12">
        <v>16</v>
      </c>
      <c r="AE26" s="12">
        <v>17607</v>
      </c>
      <c r="AF26" s="12">
        <v>17</v>
      </c>
      <c r="AG26" s="12">
        <v>18067</v>
      </c>
      <c r="AH26" s="14">
        <v>15</v>
      </c>
      <c r="AI26" s="12">
        <v>17172</v>
      </c>
      <c r="AJ26" s="15">
        <v>15</v>
      </c>
    </row>
    <row r="27" spans="1:36" ht="14.1" customHeight="1" x14ac:dyDescent="0.15">
      <c r="A27" s="16">
        <v>22</v>
      </c>
      <c r="B27" s="11" t="s">
        <v>32</v>
      </c>
      <c r="C27" s="12">
        <v>35858</v>
      </c>
      <c r="D27" s="12">
        <v>27</v>
      </c>
      <c r="E27" s="12">
        <v>34989</v>
      </c>
      <c r="F27" s="12">
        <v>28</v>
      </c>
      <c r="G27" s="12">
        <v>44902</v>
      </c>
      <c r="H27" s="12">
        <v>16</v>
      </c>
      <c r="I27" s="12">
        <v>35841</v>
      </c>
      <c r="J27" s="13">
        <v>27</v>
      </c>
      <c r="K27" s="12">
        <v>15445</v>
      </c>
      <c r="L27" s="12">
        <v>8</v>
      </c>
      <c r="M27" s="12">
        <v>16927</v>
      </c>
      <c r="N27" s="12">
        <v>8</v>
      </c>
      <c r="O27" s="12">
        <v>16279</v>
      </c>
      <c r="P27" s="12">
        <v>5</v>
      </c>
      <c r="Q27" s="12">
        <v>15480</v>
      </c>
      <c r="R27" s="13">
        <v>8</v>
      </c>
      <c r="S27" s="16">
        <v>22</v>
      </c>
      <c r="T27" s="12" t="s">
        <v>32</v>
      </c>
      <c r="U27" s="12">
        <v>6950</v>
      </c>
      <c r="V27" s="12">
        <v>10</v>
      </c>
      <c r="W27" s="12">
        <v>6268</v>
      </c>
      <c r="X27" s="12">
        <v>28</v>
      </c>
      <c r="Y27" s="12">
        <v>6969</v>
      </c>
      <c r="Z27" s="12">
        <v>11</v>
      </c>
      <c r="AA27" s="12">
        <v>6935</v>
      </c>
      <c r="AB27" s="13">
        <v>10</v>
      </c>
      <c r="AC27" s="12">
        <v>17244</v>
      </c>
      <c r="AD27" s="12">
        <v>13</v>
      </c>
      <c r="AE27" s="12">
        <v>17332</v>
      </c>
      <c r="AF27" s="12">
        <v>19</v>
      </c>
      <c r="AG27" s="12">
        <v>18457</v>
      </c>
      <c r="AH27" s="14">
        <v>7</v>
      </c>
      <c r="AI27" s="12">
        <v>17246</v>
      </c>
      <c r="AJ27" s="15">
        <v>13</v>
      </c>
    </row>
    <row r="28" spans="1:36" ht="14.1" customHeight="1" x14ac:dyDescent="0.15">
      <c r="A28" s="16">
        <v>23</v>
      </c>
      <c r="B28" s="11" t="s">
        <v>33</v>
      </c>
      <c r="C28" s="12">
        <v>35348</v>
      </c>
      <c r="D28" s="12">
        <v>28</v>
      </c>
      <c r="E28" s="12">
        <v>40776</v>
      </c>
      <c r="F28" s="12">
        <v>24</v>
      </c>
      <c r="G28" s="12">
        <v>38494</v>
      </c>
      <c r="H28" s="12">
        <v>30</v>
      </c>
      <c r="I28" s="12">
        <v>35475</v>
      </c>
      <c r="J28" s="13">
        <v>28</v>
      </c>
      <c r="K28" s="12">
        <v>15614</v>
      </c>
      <c r="L28" s="12">
        <v>6</v>
      </c>
      <c r="M28" s="12">
        <v>17712</v>
      </c>
      <c r="N28" s="12">
        <v>5</v>
      </c>
      <c r="O28" s="12">
        <v>16196</v>
      </c>
      <c r="P28" s="12">
        <v>8</v>
      </c>
      <c r="Q28" s="12">
        <v>15680</v>
      </c>
      <c r="R28" s="13">
        <v>6</v>
      </c>
      <c r="S28" s="16">
        <v>23</v>
      </c>
      <c r="T28" s="12" t="s">
        <v>33</v>
      </c>
      <c r="U28" s="12">
        <v>6847</v>
      </c>
      <c r="V28" s="12">
        <v>17</v>
      </c>
      <c r="W28" s="12">
        <v>6392</v>
      </c>
      <c r="X28" s="12">
        <v>24</v>
      </c>
      <c r="Y28" s="12">
        <v>6725</v>
      </c>
      <c r="Z28" s="12">
        <v>24</v>
      </c>
      <c r="AA28" s="12">
        <v>6834</v>
      </c>
      <c r="AB28" s="13">
        <v>17</v>
      </c>
      <c r="AC28" s="12">
        <v>17653</v>
      </c>
      <c r="AD28" s="12">
        <v>6</v>
      </c>
      <c r="AE28" s="12">
        <v>18945</v>
      </c>
      <c r="AF28" s="12">
        <v>6</v>
      </c>
      <c r="AG28" s="12">
        <v>18284</v>
      </c>
      <c r="AH28" s="14">
        <v>9</v>
      </c>
      <c r="AI28" s="12">
        <v>17691</v>
      </c>
      <c r="AJ28" s="15">
        <v>6</v>
      </c>
    </row>
    <row r="29" spans="1:36" ht="14.1" customHeight="1" x14ac:dyDescent="0.15">
      <c r="A29" s="16">
        <v>24</v>
      </c>
      <c r="B29" s="11" t="s">
        <v>34</v>
      </c>
      <c r="C29" s="12">
        <v>43608</v>
      </c>
      <c r="D29" s="12">
        <v>3</v>
      </c>
      <c r="E29" s="12">
        <v>31758</v>
      </c>
      <c r="F29" s="12">
        <v>29</v>
      </c>
      <c r="G29" s="12">
        <v>49851</v>
      </c>
      <c r="H29" s="12">
        <v>4</v>
      </c>
      <c r="I29" s="12">
        <v>42794</v>
      </c>
      <c r="J29" s="13">
        <v>4</v>
      </c>
      <c r="K29" s="12">
        <v>15904</v>
      </c>
      <c r="L29" s="12">
        <v>3</v>
      </c>
      <c r="M29" s="12">
        <v>19966</v>
      </c>
      <c r="N29" s="12">
        <v>1</v>
      </c>
      <c r="O29" s="12">
        <v>16548</v>
      </c>
      <c r="P29" s="12">
        <v>4</v>
      </c>
      <c r="Q29" s="12">
        <v>16098</v>
      </c>
      <c r="R29" s="13">
        <v>3</v>
      </c>
      <c r="S29" s="16">
        <v>24</v>
      </c>
      <c r="T29" s="12" t="s">
        <v>34</v>
      </c>
      <c r="U29" s="12">
        <v>6496</v>
      </c>
      <c r="V29" s="12">
        <v>31</v>
      </c>
      <c r="W29" s="12">
        <v>6194</v>
      </c>
      <c r="X29" s="12">
        <v>29</v>
      </c>
      <c r="Y29" s="12">
        <v>6421</v>
      </c>
      <c r="Z29" s="12">
        <v>32</v>
      </c>
      <c r="AA29" s="12">
        <v>6481</v>
      </c>
      <c r="AB29" s="13">
        <v>31</v>
      </c>
      <c r="AC29" s="12">
        <v>17793</v>
      </c>
      <c r="AD29" s="12">
        <v>4</v>
      </c>
      <c r="AE29" s="12">
        <v>19570</v>
      </c>
      <c r="AF29" s="12">
        <v>3</v>
      </c>
      <c r="AG29" s="12">
        <v>19112</v>
      </c>
      <c r="AH29" s="14">
        <v>4</v>
      </c>
      <c r="AI29" s="12">
        <v>17883</v>
      </c>
      <c r="AJ29" s="15">
        <v>4</v>
      </c>
    </row>
    <row r="30" spans="1:36" ht="14.1" customHeight="1" x14ac:dyDescent="0.15">
      <c r="A30" s="16">
        <v>25</v>
      </c>
      <c r="B30" s="11" t="s">
        <v>35</v>
      </c>
      <c r="C30" s="12">
        <v>42561</v>
      </c>
      <c r="D30" s="12">
        <v>5</v>
      </c>
      <c r="E30" s="12">
        <v>16634</v>
      </c>
      <c r="F30" s="12">
        <v>31</v>
      </c>
      <c r="G30" s="12">
        <v>48016</v>
      </c>
      <c r="H30" s="12">
        <v>7</v>
      </c>
      <c r="I30" s="12">
        <v>40952</v>
      </c>
      <c r="J30" s="13">
        <v>9</v>
      </c>
      <c r="K30" s="12">
        <v>13782</v>
      </c>
      <c r="L30" s="12">
        <v>32</v>
      </c>
      <c r="M30" s="12">
        <v>13306</v>
      </c>
      <c r="N30" s="12">
        <v>33</v>
      </c>
      <c r="O30" s="12">
        <v>14234</v>
      </c>
      <c r="P30" s="12">
        <v>31</v>
      </c>
      <c r="Q30" s="12">
        <v>13770</v>
      </c>
      <c r="R30" s="13">
        <v>32</v>
      </c>
      <c r="S30" s="16">
        <v>25</v>
      </c>
      <c r="T30" s="12" t="s">
        <v>35</v>
      </c>
      <c r="U30" s="12">
        <v>6846</v>
      </c>
      <c r="V30" s="12">
        <v>18</v>
      </c>
      <c r="W30" s="12">
        <v>5759</v>
      </c>
      <c r="X30" s="12">
        <v>33</v>
      </c>
      <c r="Y30" s="12">
        <v>7145</v>
      </c>
      <c r="Z30" s="12">
        <v>4</v>
      </c>
      <c r="AA30" s="12">
        <v>6814</v>
      </c>
      <c r="AB30" s="13">
        <v>21</v>
      </c>
      <c r="AC30" s="12">
        <v>16255</v>
      </c>
      <c r="AD30" s="12">
        <v>31</v>
      </c>
      <c r="AE30" s="12">
        <v>12828</v>
      </c>
      <c r="AF30" s="12">
        <v>31</v>
      </c>
      <c r="AG30" s="12">
        <v>17431</v>
      </c>
      <c r="AH30" s="14">
        <v>26</v>
      </c>
      <c r="AI30" s="12">
        <v>16148</v>
      </c>
      <c r="AJ30" s="15">
        <v>31</v>
      </c>
    </row>
    <row r="31" spans="1:36" ht="14.1" customHeight="1" x14ac:dyDescent="0.15">
      <c r="A31" s="16">
        <v>26</v>
      </c>
      <c r="B31" s="11" t="s">
        <v>36</v>
      </c>
      <c r="C31" s="12">
        <v>34083</v>
      </c>
      <c r="D31" s="12">
        <v>32</v>
      </c>
      <c r="E31" s="12">
        <v>54951</v>
      </c>
      <c r="F31" s="12">
        <v>2</v>
      </c>
      <c r="G31" s="12">
        <v>39857</v>
      </c>
      <c r="H31" s="12">
        <v>26</v>
      </c>
      <c r="I31" s="12">
        <v>34257</v>
      </c>
      <c r="J31" s="13">
        <v>32</v>
      </c>
      <c r="K31" s="12">
        <v>15453</v>
      </c>
      <c r="L31" s="12">
        <v>7</v>
      </c>
      <c r="M31" s="12">
        <v>17373</v>
      </c>
      <c r="N31" s="12">
        <v>7</v>
      </c>
      <c r="O31" s="12">
        <v>16103</v>
      </c>
      <c r="P31" s="12">
        <v>9</v>
      </c>
      <c r="Q31" s="12">
        <v>15518</v>
      </c>
      <c r="R31" s="13">
        <v>7</v>
      </c>
      <c r="S31" s="16">
        <v>26</v>
      </c>
      <c r="T31" s="12" t="s">
        <v>36</v>
      </c>
      <c r="U31" s="12">
        <v>6670</v>
      </c>
      <c r="V31" s="12">
        <v>28</v>
      </c>
      <c r="W31" s="12">
        <v>7136</v>
      </c>
      <c r="X31" s="12">
        <v>2</v>
      </c>
      <c r="Y31" s="12">
        <v>6760</v>
      </c>
      <c r="Z31" s="12">
        <v>21</v>
      </c>
      <c r="AA31" s="12">
        <v>6687</v>
      </c>
      <c r="AB31" s="13">
        <v>27</v>
      </c>
      <c r="AC31" s="12">
        <v>17314</v>
      </c>
      <c r="AD31" s="12">
        <v>12</v>
      </c>
      <c r="AE31" s="12">
        <v>16813</v>
      </c>
      <c r="AF31" s="12">
        <v>25</v>
      </c>
      <c r="AG31" s="12">
        <v>17992</v>
      </c>
      <c r="AH31" s="14">
        <v>16</v>
      </c>
      <c r="AI31" s="12">
        <v>17299</v>
      </c>
      <c r="AJ31" s="15">
        <v>12</v>
      </c>
    </row>
    <row r="32" spans="1:36" ht="14.1" customHeight="1" x14ac:dyDescent="0.15">
      <c r="A32" s="16">
        <v>27</v>
      </c>
      <c r="B32" s="11" t="s">
        <v>37</v>
      </c>
      <c r="C32" s="12">
        <v>32647</v>
      </c>
      <c r="D32" s="12">
        <v>33</v>
      </c>
      <c r="E32" s="12">
        <v>45510</v>
      </c>
      <c r="F32" s="12">
        <v>15</v>
      </c>
      <c r="G32" s="12">
        <v>33167</v>
      </c>
      <c r="H32" s="12">
        <v>32</v>
      </c>
      <c r="I32" s="12">
        <v>32806</v>
      </c>
      <c r="J32" s="13">
        <v>33</v>
      </c>
      <c r="K32" s="12">
        <v>15028</v>
      </c>
      <c r="L32" s="12">
        <v>13</v>
      </c>
      <c r="M32" s="12">
        <v>16686</v>
      </c>
      <c r="N32" s="12">
        <v>12</v>
      </c>
      <c r="O32" s="12">
        <v>15525</v>
      </c>
      <c r="P32" s="12">
        <v>13</v>
      </c>
      <c r="Q32" s="12">
        <v>15101</v>
      </c>
      <c r="R32" s="13">
        <v>13</v>
      </c>
      <c r="S32" s="16">
        <v>27</v>
      </c>
      <c r="T32" s="12" t="s">
        <v>37</v>
      </c>
      <c r="U32" s="12">
        <v>6515</v>
      </c>
      <c r="V32" s="12">
        <v>30</v>
      </c>
      <c r="W32" s="12">
        <v>6039</v>
      </c>
      <c r="X32" s="12">
        <v>30</v>
      </c>
      <c r="Y32" s="12">
        <v>6407</v>
      </c>
      <c r="Z32" s="12">
        <v>33</v>
      </c>
      <c r="AA32" s="12">
        <v>6489</v>
      </c>
      <c r="AB32" s="13">
        <v>30</v>
      </c>
      <c r="AC32" s="12">
        <v>17551</v>
      </c>
      <c r="AD32" s="12">
        <v>7</v>
      </c>
      <c r="AE32" s="12">
        <v>16067</v>
      </c>
      <c r="AF32" s="12">
        <v>28</v>
      </c>
      <c r="AG32" s="12">
        <v>18190</v>
      </c>
      <c r="AH32" s="14">
        <v>12</v>
      </c>
      <c r="AI32" s="12">
        <v>17494</v>
      </c>
      <c r="AJ32" s="15">
        <v>7</v>
      </c>
    </row>
    <row r="33" spans="1:36" ht="14.1" customHeight="1" x14ac:dyDescent="0.15">
      <c r="A33" s="16">
        <v>28</v>
      </c>
      <c r="B33" s="11" t="s">
        <v>38</v>
      </c>
      <c r="C33" s="12">
        <v>36625</v>
      </c>
      <c r="D33" s="12">
        <v>24</v>
      </c>
      <c r="E33" s="12">
        <v>29811</v>
      </c>
      <c r="F33" s="12">
        <v>30</v>
      </c>
      <c r="G33" s="12">
        <v>39373</v>
      </c>
      <c r="H33" s="12">
        <v>28</v>
      </c>
      <c r="I33" s="12">
        <v>36322</v>
      </c>
      <c r="J33" s="13">
        <v>25</v>
      </c>
      <c r="K33" s="12">
        <v>15172</v>
      </c>
      <c r="L33" s="12">
        <v>12</v>
      </c>
      <c r="M33" s="12">
        <v>15824</v>
      </c>
      <c r="N33" s="12">
        <v>20</v>
      </c>
      <c r="O33" s="12">
        <v>15327</v>
      </c>
      <c r="P33" s="12">
        <v>14</v>
      </c>
      <c r="Q33" s="12">
        <v>15200</v>
      </c>
      <c r="R33" s="13">
        <v>12</v>
      </c>
      <c r="S33" s="16">
        <v>28</v>
      </c>
      <c r="T33" s="12" t="s">
        <v>38</v>
      </c>
      <c r="U33" s="12">
        <v>6996</v>
      </c>
      <c r="V33" s="12">
        <v>7</v>
      </c>
      <c r="W33" s="12">
        <v>6334</v>
      </c>
      <c r="X33" s="12">
        <v>25</v>
      </c>
      <c r="Y33" s="12">
        <v>7029</v>
      </c>
      <c r="Z33" s="12">
        <v>7</v>
      </c>
      <c r="AA33" s="12">
        <v>6962</v>
      </c>
      <c r="AB33" s="13">
        <v>8</v>
      </c>
      <c r="AC33" s="12">
        <v>17214</v>
      </c>
      <c r="AD33" s="12">
        <v>14</v>
      </c>
      <c r="AE33" s="12">
        <v>16029</v>
      </c>
      <c r="AF33" s="12">
        <v>29</v>
      </c>
      <c r="AG33" s="12">
        <v>17614</v>
      </c>
      <c r="AH33" s="14">
        <v>22</v>
      </c>
      <c r="AI33" s="12">
        <v>17160</v>
      </c>
      <c r="AJ33" s="15">
        <v>16</v>
      </c>
    </row>
    <row r="34" spans="1:36" ht="14.1" customHeight="1" x14ac:dyDescent="0.15">
      <c r="A34" s="16">
        <v>29</v>
      </c>
      <c r="B34" s="11" t="s">
        <v>39</v>
      </c>
      <c r="C34" s="12">
        <v>37151</v>
      </c>
      <c r="D34" s="12">
        <v>22</v>
      </c>
      <c r="E34" s="12">
        <v>53086</v>
      </c>
      <c r="F34" s="12">
        <v>5</v>
      </c>
      <c r="G34" s="12">
        <v>38878</v>
      </c>
      <c r="H34" s="12">
        <v>29</v>
      </c>
      <c r="I34" s="12">
        <v>37201</v>
      </c>
      <c r="J34" s="13">
        <v>21</v>
      </c>
      <c r="K34" s="12">
        <v>14392</v>
      </c>
      <c r="L34" s="12">
        <v>23</v>
      </c>
      <c r="M34" s="53">
        <v>13931</v>
      </c>
      <c r="N34" s="12">
        <v>31</v>
      </c>
      <c r="O34" s="12">
        <v>15107</v>
      </c>
      <c r="P34" s="12">
        <v>17</v>
      </c>
      <c r="Q34" s="12">
        <v>14385</v>
      </c>
      <c r="R34" s="13">
        <v>23</v>
      </c>
      <c r="S34" s="16">
        <v>29</v>
      </c>
      <c r="T34" s="12" t="s">
        <v>39</v>
      </c>
      <c r="U34" s="12">
        <v>6982</v>
      </c>
      <c r="V34" s="12">
        <v>8</v>
      </c>
      <c r="W34" s="12">
        <v>6309</v>
      </c>
      <c r="X34" s="12">
        <v>27</v>
      </c>
      <c r="Y34" s="12">
        <v>7077</v>
      </c>
      <c r="Z34" s="12">
        <v>5</v>
      </c>
      <c r="AA34" s="12">
        <v>6966</v>
      </c>
      <c r="AB34" s="13">
        <v>7</v>
      </c>
      <c r="AC34" s="12">
        <v>17416</v>
      </c>
      <c r="AD34" s="12">
        <v>8</v>
      </c>
      <c r="AE34" s="12">
        <v>13448</v>
      </c>
      <c r="AF34" s="12">
        <v>30</v>
      </c>
      <c r="AG34" s="12">
        <v>18324</v>
      </c>
      <c r="AH34" s="14">
        <v>8</v>
      </c>
      <c r="AI34" s="12">
        <v>17360</v>
      </c>
      <c r="AJ34" s="15">
        <v>10</v>
      </c>
    </row>
    <row r="35" spans="1:36" ht="14.1" customHeight="1" x14ac:dyDescent="0.15">
      <c r="A35" s="16">
        <v>30</v>
      </c>
      <c r="B35" s="11" t="s">
        <v>40</v>
      </c>
      <c r="C35" s="12">
        <v>38085</v>
      </c>
      <c r="D35" s="12">
        <v>18</v>
      </c>
      <c r="E35" s="12">
        <v>11585</v>
      </c>
      <c r="F35" s="12">
        <v>32</v>
      </c>
      <c r="G35" s="12">
        <v>41014</v>
      </c>
      <c r="H35" s="12">
        <v>24</v>
      </c>
      <c r="I35" s="12">
        <v>37176</v>
      </c>
      <c r="J35" s="13">
        <v>22</v>
      </c>
      <c r="K35" s="12">
        <v>17227</v>
      </c>
      <c r="L35" s="12">
        <v>1</v>
      </c>
      <c r="M35" s="12">
        <v>15366</v>
      </c>
      <c r="N35" s="12">
        <v>22</v>
      </c>
      <c r="O35" s="12">
        <v>18352</v>
      </c>
      <c r="P35" s="12">
        <v>1</v>
      </c>
      <c r="Q35" s="12">
        <v>17192</v>
      </c>
      <c r="R35" s="13">
        <v>1</v>
      </c>
      <c r="S35" s="16">
        <v>30</v>
      </c>
      <c r="T35" s="12" t="s">
        <v>40</v>
      </c>
      <c r="U35" s="12">
        <v>6876</v>
      </c>
      <c r="V35" s="12">
        <v>15</v>
      </c>
      <c r="W35" s="12">
        <v>5854</v>
      </c>
      <c r="X35" s="12">
        <v>32</v>
      </c>
      <c r="Y35" s="12">
        <v>7391</v>
      </c>
      <c r="Z35" s="12">
        <v>2</v>
      </c>
      <c r="AA35" s="12">
        <v>6854</v>
      </c>
      <c r="AB35" s="13">
        <v>16</v>
      </c>
      <c r="AC35" s="12">
        <v>20059</v>
      </c>
      <c r="AD35" s="12">
        <v>1</v>
      </c>
      <c r="AE35" s="12">
        <v>12630</v>
      </c>
      <c r="AF35" s="12">
        <v>32</v>
      </c>
      <c r="AG35" s="12">
        <v>21264</v>
      </c>
      <c r="AH35" s="14">
        <v>1</v>
      </c>
      <c r="AI35" s="12">
        <v>19894</v>
      </c>
      <c r="AJ35" s="15">
        <v>1</v>
      </c>
    </row>
    <row r="36" spans="1:36" ht="14.1" customHeight="1" x14ac:dyDescent="0.15">
      <c r="A36" s="16">
        <v>31</v>
      </c>
      <c r="B36" s="11" t="s">
        <v>41</v>
      </c>
      <c r="C36" s="12">
        <v>37426</v>
      </c>
      <c r="D36" s="12">
        <v>21</v>
      </c>
      <c r="E36" s="12">
        <v>53616</v>
      </c>
      <c r="F36" s="12">
        <v>4</v>
      </c>
      <c r="G36" s="12">
        <v>38297</v>
      </c>
      <c r="H36" s="12">
        <v>31</v>
      </c>
      <c r="I36" s="12">
        <v>37611</v>
      </c>
      <c r="J36" s="13">
        <v>19</v>
      </c>
      <c r="K36" s="12">
        <v>16149</v>
      </c>
      <c r="L36" s="12">
        <v>2</v>
      </c>
      <c r="M36" s="12">
        <v>13377</v>
      </c>
      <c r="N36" s="12">
        <v>32</v>
      </c>
      <c r="O36" s="12">
        <v>16825</v>
      </c>
      <c r="P36" s="12">
        <v>2</v>
      </c>
      <c r="Q36" s="12">
        <v>16109</v>
      </c>
      <c r="R36" s="13">
        <v>2</v>
      </c>
      <c r="S36" s="16">
        <v>31</v>
      </c>
      <c r="T36" s="12" t="s">
        <v>41</v>
      </c>
      <c r="U36" s="12">
        <v>7326</v>
      </c>
      <c r="V36" s="12">
        <v>1</v>
      </c>
      <c r="W36" s="12">
        <v>7212</v>
      </c>
      <c r="X36" s="12">
        <v>1</v>
      </c>
      <c r="Y36" s="12">
        <v>7631</v>
      </c>
      <c r="Z36" s="12">
        <v>1</v>
      </c>
      <c r="AA36" s="12">
        <v>7324</v>
      </c>
      <c r="AB36" s="13">
        <v>1</v>
      </c>
      <c r="AC36" s="12">
        <v>18815</v>
      </c>
      <c r="AD36" s="12">
        <v>2</v>
      </c>
      <c r="AE36" s="12">
        <v>18865</v>
      </c>
      <c r="AF36" s="12">
        <v>7</v>
      </c>
      <c r="AG36" s="12">
        <v>19532</v>
      </c>
      <c r="AH36" s="14">
        <v>2</v>
      </c>
      <c r="AI36" s="12">
        <v>18816</v>
      </c>
      <c r="AJ36" s="15">
        <v>2</v>
      </c>
    </row>
    <row r="37" spans="1:36" ht="14.1" customHeight="1" x14ac:dyDescent="0.15">
      <c r="A37" s="16">
        <v>32</v>
      </c>
      <c r="B37" s="11" t="s">
        <v>42</v>
      </c>
      <c r="C37" s="12">
        <v>37949</v>
      </c>
      <c r="D37" s="12">
        <v>19</v>
      </c>
      <c r="E37" s="12">
        <v>42917</v>
      </c>
      <c r="F37" s="12">
        <v>21</v>
      </c>
      <c r="G37" s="12">
        <v>43907</v>
      </c>
      <c r="H37" s="12">
        <v>19</v>
      </c>
      <c r="I37" s="12">
        <v>38126</v>
      </c>
      <c r="J37" s="13">
        <v>18</v>
      </c>
      <c r="K37" s="12">
        <v>15838</v>
      </c>
      <c r="L37" s="12">
        <v>5</v>
      </c>
      <c r="M37" s="12">
        <v>16716</v>
      </c>
      <c r="N37" s="12">
        <v>10</v>
      </c>
      <c r="O37" s="12">
        <v>16216</v>
      </c>
      <c r="P37" s="12">
        <v>7</v>
      </c>
      <c r="Q37" s="12">
        <v>15867</v>
      </c>
      <c r="R37" s="13">
        <v>5</v>
      </c>
      <c r="S37" s="16">
        <v>32</v>
      </c>
      <c r="T37" s="12" t="s">
        <v>42</v>
      </c>
      <c r="U37" s="12">
        <v>6822</v>
      </c>
      <c r="V37" s="12">
        <v>21</v>
      </c>
      <c r="W37" s="12">
        <v>6801</v>
      </c>
      <c r="X37" s="12">
        <v>12</v>
      </c>
      <c r="Y37" s="12">
        <v>6739</v>
      </c>
      <c r="Z37" s="12">
        <v>22</v>
      </c>
      <c r="AA37" s="12">
        <v>6821</v>
      </c>
      <c r="AB37" s="13">
        <v>20</v>
      </c>
      <c r="AC37" s="12">
        <v>18407</v>
      </c>
      <c r="AD37" s="12">
        <v>3</v>
      </c>
      <c r="AE37" s="12">
        <v>20023</v>
      </c>
      <c r="AF37" s="12">
        <v>2</v>
      </c>
      <c r="AG37" s="12">
        <v>19460</v>
      </c>
      <c r="AH37" s="14">
        <v>3</v>
      </c>
      <c r="AI37" s="12">
        <v>18462</v>
      </c>
      <c r="AJ37" s="15">
        <v>3</v>
      </c>
    </row>
    <row r="38" spans="1:36" ht="14.1" customHeight="1" thickBot="1" x14ac:dyDescent="0.2">
      <c r="A38" s="27">
        <v>33</v>
      </c>
      <c r="B38" s="18" t="s">
        <v>43</v>
      </c>
      <c r="C38" s="19">
        <v>35318</v>
      </c>
      <c r="D38" s="19">
        <v>29</v>
      </c>
      <c r="E38" s="19">
        <v>0</v>
      </c>
      <c r="F38" s="19">
        <v>33</v>
      </c>
      <c r="G38" s="19">
        <v>51181</v>
      </c>
      <c r="H38" s="19">
        <v>3</v>
      </c>
      <c r="I38" s="19">
        <v>35318</v>
      </c>
      <c r="J38" s="21">
        <v>29</v>
      </c>
      <c r="K38" s="19">
        <v>14144</v>
      </c>
      <c r="L38" s="19">
        <v>26</v>
      </c>
      <c r="M38" s="19">
        <v>14574</v>
      </c>
      <c r="N38" s="19">
        <v>28</v>
      </c>
      <c r="O38" s="19">
        <v>13584</v>
      </c>
      <c r="P38" s="19">
        <v>33</v>
      </c>
      <c r="Q38" s="19">
        <v>14149</v>
      </c>
      <c r="R38" s="21">
        <v>28</v>
      </c>
      <c r="S38" s="27">
        <v>33</v>
      </c>
      <c r="T38" s="19" t="s">
        <v>43</v>
      </c>
      <c r="U38" s="19">
        <v>6692</v>
      </c>
      <c r="V38" s="19">
        <v>27</v>
      </c>
      <c r="W38" s="19">
        <v>6987</v>
      </c>
      <c r="X38" s="19">
        <v>3</v>
      </c>
      <c r="Y38" s="19">
        <v>6502</v>
      </c>
      <c r="Z38" s="19">
        <v>29</v>
      </c>
      <c r="AA38" s="20">
        <v>6697</v>
      </c>
      <c r="AB38" s="21">
        <v>26</v>
      </c>
      <c r="AC38" s="19">
        <v>17158</v>
      </c>
      <c r="AD38" s="19">
        <v>17</v>
      </c>
      <c r="AE38" s="19">
        <v>12234</v>
      </c>
      <c r="AF38" s="19">
        <v>33</v>
      </c>
      <c r="AG38" s="19">
        <v>17253</v>
      </c>
      <c r="AH38" s="22">
        <v>28</v>
      </c>
      <c r="AI38" s="20">
        <v>17106</v>
      </c>
      <c r="AJ38" s="23">
        <v>17</v>
      </c>
    </row>
    <row r="39" spans="1:36" ht="14.1" customHeight="1" thickTop="1" x14ac:dyDescent="0.15">
      <c r="A39" s="10">
        <v>301</v>
      </c>
      <c r="B39" s="28" t="s">
        <v>44</v>
      </c>
      <c r="C39" s="26">
        <v>64513</v>
      </c>
      <c r="D39" s="26">
        <v>1</v>
      </c>
      <c r="E39" s="29" t="s">
        <v>45</v>
      </c>
      <c r="F39" s="29" t="s">
        <v>45</v>
      </c>
      <c r="G39" s="26">
        <v>74658</v>
      </c>
      <c r="H39" s="26">
        <v>1</v>
      </c>
      <c r="I39" s="26">
        <v>64513</v>
      </c>
      <c r="J39" s="30">
        <v>1</v>
      </c>
      <c r="K39" s="26">
        <v>14734</v>
      </c>
      <c r="L39" s="26">
        <v>1</v>
      </c>
      <c r="M39" s="31" t="s">
        <v>45</v>
      </c>
      <c r="N39" s="31" t="s">
        <v>45</v>
      </c>
      <c r="O39" s="26">
        <v>19521</v>
      </c>
      <c r="P39" s="26">
        <v>1</v>
      </c>
      <c r="Q39" s="26">
        <v>14734</v>
      </c>
      <c r="R39" s="30">
        <v>1</v>
      </c>
      <c r="S39" s="10">
        <v>301</v>
      </c>
      <c r="T39" s="32" t="s">
        <v>44</v>
      </c>
      <c r="U39" s="26">
        <v>6715</v>
      </c>
      <c r="V39" s="26">
        <v>5</v>
      </c>
      <c r="W39" s="31" t="s">
        <v>45</v>
      </c>
      <c r="X39" s="31" t="s">
        <v>45</v>
      </c>
      <c r="Y39" s="26">
        <v>6393</v>
      </c>
      <c r="Z39" s="26">
        <v>6</v>
      </c>
      <c r="AA39" s="25">
        <v>6715</v>
      </c>
      <c r="AB39" s="30">
        <v>5</v>
      </c>
      <c r="AC39" s="26">
        <v>15448</v>
      </c>
      <c r="AD39" s="26">
        <v>2</v>
      </c>
      <c r="AE39" s="31" t="s">
        <v>59</v>
      </c>
      <c r="AF39" s="31" t="s">
        <v>59</v>
      </c>
      <c r="AG39" s="26">
        <v>21072</v>
      </c>
      <c r="AH39" s="33">
        <v>2</v>
      </c>
      <c r="AI39" s="25">
        <v>15448</v>
      </c>
      <c r="AJ39" s="15">
        <v>2</v>
      </c>
    </row>
    <row r="40" spans="1:36" ht="14.1" customHeight="1" x14ac:dyDescent="0.15">
      <c r="A40" s="16">
        <v>302</v>
      </c>
      <c r="B40" s="28" t="s">
        <v>46</v>
      </c>
      <c r="C40" s="12">
        <v>54894</v>
      </c>
      <c r="D40" s="12">
        <v>5</v>
      </c>
      <c r="E40" s="34" t="s">
        <v>45</v>
      </c>
      <c r="F40" s="34" t="s">
        <v>45</v>
      </c>
      <c r="G40" s="12">
        <v>53500</v>
      </c>
      <c r="H40" s="12">
        <v>6</v>
      </c>
      <c r="I40" s="12">
        <v>54894</v>
      </c>
      <c r="J40" s="13">
        <v>5</v>
      </c>
      <c r="K40" s="12">
        <v>12390</v>
      </c>
      <c r="L40" s="12">
        <v>5</v>
      </c>
      <c r="M40" s="35" t="s">
        <v>45</v>
      </c>
      <c r="N40" s="35" t="s">
        <v>45</v>
      </c>
      <c r="O40" s="12">
        <v>17669</v>
      </c>
      <c r="P40" s="12">
        <v>2</v>
      </c>
      <c r="Q40" s="12">
        <v>12390</v>
      </c>
      <c r="R40" s="13">
        <v>5</v>
      </c>
      <c r="S40" s="16">
        <v>302</v>
      </c>
      <c r="T40" s="32" t="s">
        <v>46</v>
      </c>
      <c r="U40" s="12">
        <v>7854</v>
      </c>
      <c r="V40" s="12">
        <v>1</v>
      </c>
      <c r="W40" s="35" t="s">
        <v>45</v>
      </c>
      <c r="X40" s="35" t="s">
        <v>45</v>
      </c>
      <c r="Y40" s="12">
        <v>8141</v>
      </c>
      <c r="Z40" s="12">
        <v>1</v>
      </c>
      <c r="AA40" s="12">
        <v>7854</v>
      </c>
      <c r="AB40" s="13">
        <v>1</v>
      </c>
      <c r="AC40" s="12">
        <v>15273</v>
      </c>
      <c r="AD40" s="12">
        <v>3</v>
      </c>
      <c r="AE40" s="35" t="s">
        <v>59</v>
      </c>
      <c r="AF40" s="35" t="s">
        <v>59</v>
      </c>
      <c r="AG40" s="12">
        <v>22240</v>
      </c>
      <c r="AH40" s="14">
        <v>1</v>
      </c>
      <c r="AI40" s="12">
        <v>15273</v>
      </c>
      <c r="AJ40" s="15">
        <v>3</v>
      </c>
    </row>
    <row r="41" spans="1:36" ht="14.1" customHeight="1" x14ac:dyDescent="0.15">
      <c r="A41" s="16">
        <v>303</v>
      </c>
      <c r="B41" s="28" t="s">
        <v>47</v>
      </c>
      <c r="C41" s="12">
        <v>59577</v>
      </c>
      <c r="D41" s="12">
        <v>2</v>
      </c>
      <c r="E41" s="34" t="s">
        <v>45</v>
      </c>
      <c r="F41" s="34" t="s">
        <v>45</v>
      </c>
      <c r="G41" s="12">
        <v>62054</v>
      </c>
      <c r="H41" s="12">
        <v>3</v>
      </c>
      <c r="I41" s="12">
        <v>59577</v>
      </c>
      <c r="J41" s="13">
        <v>2</v>
      </c>
      <c r="K41" s="12">
        <v>13414</v>
      </c>
      <c r="L41" s="12">
        <v>2</v>
      </c>
      <c r="M41" s="35" t="s">
        <v>45</v>
      </c>
      <c r="N41" s="35" t="s">
        <v>45</v>
      </c>
      <c r="O41" s="12">
        <v>15745</v>
      </c>
      <c r="P41" s="12">
        <v>4</v>
      </c>
      <c r="Q41" s="12">
        <v>13414</v>
      </c>
      <c r="R41" s="13">
        <v>2</v>
      </c>
      <c r="S41" s="16">
        <v>303</v>
      </c>
      <c r="T41" s="32" t="s">
        <v>47</v>
      </c>
      <c r="U41" s="12">
        <v>7049</v>
      </c>
      <c r="V41" s="12">
        <v>2</v>
      </c>
      <c r="W41" s="35" t="s">
        <v>45</v>
      </c>
      <c r="X41" s="35" t="s">
        <v>45</v>
      </c>
      <c r="Y41" s="12">
        <v>6989</v>
      </c>
      <c r="Z41" s="12">
        <v>3</v>
      </c>
      <c r="AA41" s="12">
        <v>7049</v>
      </c>
      <c r="AB41" s="13">
        <v>2</v>
      </c>
      <c r="AC41" s="12">
        <v>15639</v>
      </c>
      <c r="AD41" s="12">
        <v>1</v>
      </c>
      <c r="AE41" s="35" t="s">
        <v>59</v>
      </c>
      <c r="AF41" s="35" t="s">
        <v>59</v>
      </c>
      <c r="AG41" s="12">
        <v>18945</v>
      </c>
      <c r="AH41" s="14">
        <v>4</v>
      </c>
      <c r="AI41" s="12">
        <v>15639</v>
      </c>
      <c r="AJ41" s="15">
        <v>1</v>
      </c>
    </row>
    <row r="42" spans="1:36" ht="14.1" customHeight="1" x14ac:dyDescent="0.15">
      <c r="A42" s="16">
        <v>304</v>
      </c>
      <c r="B42" s="28" t="s">
        <v>48</v>
      </c>
      <c r="C42" s="12">
        <v>56229</v>
      </c>
      <c r="D42" s="12">
        <v>3</v>
      </c>
      <c r="E42" s="34" t="s">
        <v>45</v>
      </c>
      <c r="F42" s="34" t="s">
        <v>45</v>
      </c>
      <c r="G42" s="12">
        <v>62095</v>
      </c>
      <c r="H42" s="12">
        <v>2</v>
      </c>
      <c r="I42" s="12">
        <v>56229</v>
      </c>
      <c r="J42" s="13">
        <v>3</v>
      </c>
      <c r="K42" s="12">
        <v>12005</v>
      </c>
      <c r="L42" s="12">
        <v>6</v>
      </c>
      <c r="M42" s="35" t="s">
        <v>45</v>
      </c>
      <c r="N42" s="35" t="s">
        <v>45</v>
      </c>
      <c r="O42" s="12">
        <v>15500</v>
      </c>
      <c r="P42" s="12">
        <v>5</v>
      </c>
      <c r="Q42" s="12">
        <v>12005</v>
      </c>
      <c r="R42" s="13">
        <v>6</v>
      </c>
      <c r="S42" s="16">
        <v>304</v>
      </c>
      <c r="T42" s="32" t="s">
        <v>48</v>
      </c>
      <c r="U42" s="12">
        <v>6631</v>
      </c>
      <c r="V42" s="12">
        <v>6</v>
      </c>
      <c r="W42" s="35" t="s">
        <v>45</v>
      </c>
      <c r="X42" s="35" t="s">
        <v>45</v>
      </c>
      <c r="Y42" s="12">
        <v>6644</v>
      </c>
      <c r="Z42" s="12">
        <v>4</v>
      </c>
      <c r="AA42" s="12">
        <v>6631</v>
      </c>
      <c r="AB42" s="13">
        <v>6</v>
      </c>
      <c r="AC42" s="12">
        <v>13163</v>
      </c>
      <c r="AD42" s="12">
        <v>6</v>
      </c>
      <c r="AE42" s="35" t="s">
        <v>59</v>
      </c>
      <c r="AF42" s="35" t="s">
        <v>59</v>
      </c>
      <c r="AG42" s="12">
        <v>18450</v>
      </c>
      <c r="AH42" s="14">
        <v>5</v>
      </c>
      <c r="AI42" s="12">
        <v>13163</v>
      </c>
      <c r="AJ42" s="15">
        <v>6</v>
      </c>
    </row>
    <row r="43" spans="1:36" ht="14.1" customHeight="1" x14ac:dyDescent="0.15">
      <c r="A43" s="16">
        <v>305</v>
      </c>
      <c r="B43" s="28" t="s">
        <v>49</v>
      </c>
      <c r="C43" s="12">
        <v>51010</v>
      </c>
      <c r="D43" s="12">
        <v>6</v>
      </c>
      <c r="E43" s="34" t="s">
        <v>45</v>
      </c>
      <c r="F43" s="34" t="s">
        <v>45</v>
      </c>
      <c r="G43" s="12">
        <v>56983</v>
      </c>
      <c r="H43" s="12">
        <v>5</v>
      </c>
      <c r="I43" s="12">
        <v>51010</v>
      </c>
      <c r="J43" s="13">
        <v>6</v>
      </c>
      <c r="K43" s="12">
        <v>12537</v>
      </c>
      <c r="L43" s="12">
        <v>4</v>
      </c>
      <c r="M43" s="35" t="s">
        <v>45</v>
      </c>
      <c r="N43" s="35" t="s">
        <v>45</v>
      </c>
      <c r="O43" s="12">
        <v>14699</v>
      </c>
      <c r="P43" s="12">
        <v>6</v>
      </c>
      <c r="Q43" s="12">
        <v>12537</v>
      </c>
      <c r="R43" s="13">
        <v>4</v>
      </c>
      <c r="S43" s="16">
        <v>305</v>
      </c>
      <c r="T43" s="32" t="s">
        <v>49</v>
      </c>
      <c r="U43" s="12">
        <v>6998</v>
      </c>
      <c r="V43" s="12">
        <v>4</v>
      </c>
      <c r="W43" s="35" t="s">
        <v>45</v>
      </c>
      <c r="X43" s="35" t="s">
        <v>45</v>
      </c>
      <c r="Y43" s="12">
        <v>6638</v>
      </c>
      <c r="Z43" s="12">
        <v>5</v>
      </c>
      <c r="AA43" s="12">
        <v>6998</v>
      </c>
      <c r="AB43" s="13">
        <v>4</v>
      </c>
      <c r="AC43" s="12">
        <v>14340</v>
      </c>
      <c r="AD43" s="12">
        <v>5</v>
      </c>
      <c r="AE43" s="35" t="s">
        <v>59</v>
      </c>
      <c r="AF43" s="35" t="s">
        <v>59</v>
      </c>
      <c r="AG43" s="12">
        <v>17350</v>
      </c>
      <c r="AH43" s="14">
        <v>6</v>
      </c>
      <c r="AI43" s="12">
        <v>14340</v>
      </c>
      <c r="AJ43" s="15">
        <v>5</v>
      </c>
    </row>
    <row r="44" spans="1:36" ht="14.1" customHeight="1" thickBot="1" x14ac:dyDescent="0.2">
      <c r="A44" s="17">
        <v>306</v>
      </c>
      <c r="B44" s="36" t="s">
        <v>50</v>
      </c>
      <c r="C44" s="19">
        <v>55172</v>
      </c>
      <c r="D44" s="19">
        <v>4</v>
      </c>
      <c r="E44" s="37" t="s">
        <v>45</v>
      </c>
      <c r="F44" s="37" t="s">
        <v>45</v>
      </c>
      <c r="G44" s="19">
        <v>57361</v>
      </c>
      <c r="H44" s="19">
        <v>4</v>
      </c>
      <c r="I44" s="20">
        <v>55172</v>
      </c>
      <c r="J44" s="21">
        <v>4</v>
      </c>
      <c r="K44" s="19">
        <v>12608</v>
      </c>
      <c r="L44" s="19">
        <v>3</v>
      </c>
      <c r="M44" s="6" t="s">
        <v>45</v>
      </c>
      <c r="N44" s="6" t="s">
        <v>45</v>
      </c>
      <c r="O44" s="19">
        <v>15790</v>
      </c>
      <c r="P44" s="19">
        <v>3</v>
      </c>
      <c r="Q44" s="20">
        <v>12608</v>
      </c>
      <c r="R44" s="21">
        <v>3</v>
      </c>
      <c r="S44" s="17">
        <v>306</v>
      </c>
      <c r="T44" s="38" t="s">
        <v>50</v>
      </c>
      <c r="U44" s="19">
        <v>7003</v>
      </c>
      <c r="V44" s="19">
        <v>3</v>
      </c>
      <c r="W44" s="6" t="s">
        <v>45</v>
      </c>
      <c r="X44" s="6" t="s">
        <v>45</v>
      </c>
      <c r="Y44" s="19">
        <v>7124</v>
      </c>
      <c r="Z44" s="19">
        <v>2</v>
      </c>
      <c r="AA44" s="19">
        <v>7003</v>
      </c>
      <c r="AB44" s="21">
        <v>3</v>
      </c>
      <c r="AC44" s="19">
        <v>15125</v>
      </c>
      <c r="AD44" s="19">
        <v>4</v>
      </c>
      <c r="AE44" s="6" t="s">
        <v>59</v>
      </c>
      <c r="AF44" s="6" t="s">
        <v>59</v>
      </c>
      <c r="AG44" s="19">
        <v>20220</v>
      </c>
      <c r="AH44" s="22">
        <v>3</v>
      </c>
      <c r="AI44" s="20">
        <v>15125</v>
      </c>
      <c r="AJ44" s="23">
        <v>4</v>
      </c>
    </row>
    <row r="45" spans="1:36" ht="14.1" customHeight="1" thickTop="1" thickBot="1" x14ac:dyDescent="0.2">
      <c r="A45" s="54" t="s">
        <v>51</v>
      </c>
      <c r="B45" s="55"/>
      <c r="C45" s="19">
        <v>40998</v>
      </c>
      <c r="D45" s="39" t="s">
        <v>45</v>
      </c>
      <c r="E45" s="40">
        <v>45521</v>
      </c>
      <c r="F45" s="39" t="s">
        <v>45</v>
      </c>
      <c r="G45" s="19">
        <v>46093</v>
      </c>
      <c r="H45" s="39" t="s">
        <v>45</v>
      </c>
      <c r="I45" s="41">
        <v>41076</v>
      </c>
      <c r="J45" s="42" t="s">
        <v>45</v>
      </c>
      <c r="K45" s="19">
        <v>14171</v>
      </c>
      <c r="L45" s="45" t="s">
        <v>45</v>
      </c>
      <c r="M45" s="40">
        <v>15834</v>
      </c>
      <c r="N45" s="45" t="s">
        <v>45</v>
      </c>
      <c r="O45" s="19">
        <v>14562</v>
      </c>
      <c r="P45" s="45" t="s">
        <v>45</v>
      </c>
      <c r="Q45" s="43">
        <v>14202</v>
      </c>
      <c r="R45" s="44" t="s">
        <v>45</v>
      </c>
      <c r="S45" s="54" t="s">
        <v>51</v>
      </c>
      <c r="T45" s="55"/>
      <c r="U45" s="19">
        <v>6903</v>
      </c>
      <c r="V45" s="45" t="s">
        <v>45</v>
      </c>
      <c r="W45" s="40">
        <v>6763</v>
      </c>
      <c r="X45" s="45" t="s">
        <v>45</v>
      </c>
      <c r="Y45" s="19">
        <v>6838</v>
      </c>
      <c r="Z45" s="45" t="s">
        <v>45</v>
      </c>
      <c r="AA45" s="40">
        <v>6901</v>
      </c>
      <c r="AB45" s="44" t="s">
        <v>45</v>
      </c>
      <c r="AC45" s="19">
        <v>16584</v>
      </c>
      <c r="AD45" s="45" t="s">
        <v>59</v>
      </c>
      <c r="AE45" s="40">
        <v>17865</v>
      </c>
      <c r="AF45" s="45" t="s">
        <v>59</v>
      </c>
      <c r="AG45" s="19">
        <v>17428</v>
      </c>
      <c r="AH45" s="45" t="s">
        <v>59</v>
      </c>
      <c r="AI45" s="43">
        <v>16608</v>
      </c>
      <c r="AJ45" s="44" t="s">
        <v>59</v>
      </c>
    </row>
    <row r="46" spans="1:36" ht="14.1" customHeight="1" thickTop="1" thickBot="1" x14ac:dyDescent="0.2">
      <c r="A46" s="61" t="s">
        <v>52</v>
      </c>
      <c r="B46" s="55"/>
      <c r="C46" s="19">
        <v>37316</v>
      </c>
      <c r="D46" s="39" t="s">
        <v>45</v>
      </c>
      <c r="E46" s="19">
        <v>37121</v>
      </c>
      <c r="F46" s="39" t="s">
        <v>45</v>
      </c>
      <c r="G46" s="19">
        <v>41954</v>
      </c>
      <c r="H46" s="39" t="s">
        <v>45</v>
      </c>
      <c r="I46" s="41">
        <v>37311</v>
      </c>
      <c r="J46" s="42" t="s">
        <v>45</v>
      </c>
      <c r="K46" s="19">
        <v>15238</v>
      </c>
      <c r="L46" s="45" t="s">
        <v>45</v>
      </c>
      <c r="M46" s="19">
        <v>16352</v>
      </c>
      <c r="N46" s="45" t="s">
        <v>45</v>
      </c>
      <c r="O46" s="19">
        <v>15774</v>
      </c>
      <c r="P46" s="45" t="s">
        <v>45</v>
      </c>
      <c r="Q46" s="46">
        <v>15269</v>
      </c>
      <c r="R46" s="44" t="s">
        <v>45</v>
      </c>
      <c r="S46" s="61" t="s">
        <v>52</v>
      </c>
      <c r="T46" s="55"/>
      <c r="U46" s="19">
        <v>6878</v>
      </c>
      <c r="V46" s="45" t="s">
        <v>45</v>
      </c>
      <c r="W46" s="19">
        <v>6504</v>
      </c>
      <c r="X46" s="45" t="s">
        <v>45</v>
      </c>
      <c r="Y46" s="19">
        <v>6909</v>
      </c>
      <c r="Z46" s="45" t="s">
        <v>45</v>
      </c>
      <c r="AA46" s="46">
        <v>6867</v>
      </c>
      <c r="AB46" s="44" t="s">
        <v>45</v>
      </c>
      <c r="AC46" s="19">
        <v>17522</v>
      </c>
      <c r="AD46" s="45" t="s">
        <v>59</v>
      </c>
      <c r="AE46" s="19">
        <v>17606</v>
      </c>
      <c r="AF46" s="45" t="s">
        <v>59</v>
      </c>
      <c r="AG46" s="19">
        <v>18439</v>
      </c>
      <c r="AH46" s="45" t="s">
        <v>59</v>
      </c>
      <c r="AI46" s="46">
        <v>17525</v>
      </c>
      <c r="AJ46" s="44" t="s">
        <v>59</v>
      </c>
    </row>
    <row r="47" spans="1:36" ht="14.1" customHeight="1" thickTop="1" thickBot="1" x14ac:dyDescent="0.2">
      <c r="A47" s="61" t="s">
        <v>53</v>
      </c>
      <c r="B47" s="55"/>
      <c r="C47" s="19">
        <v>40826</v>
      </c>
      <c r="D47" s="39" t="s">
        <v>45</v>
      </c>
      <c r="E47" s="19">
        <v>44971</v>
      </c>
      <c r="F47" s="39" t="s">
        <v>45</v>
      </c>
      <c r="G47" s="19">
        <v>45897</v>
      </c>
      <c r="H47" s="39" t="s">
        <v>45</v>
      </c>
      <c r="I47" s="43">
        <v>40899</v>
      </c>
      <c r="J47" s="42" t="s">
        <v>45</v>
      </c>
      <c r="K47" s="19">
        <v>14211</v>
      </c>
      <c r="L47" s="45" t="s">
        <v>45</v>
      </c>
      <c r="M47" s="19">
        <v>15863</v>
      </c>
      <c r="N47" s="45" t="s">
        <v>45</v>
      </c>
      <c r="O47" s="19">
        <v>14609</v>
      </c>
      <c r="P47" s="45" t="s">
        <v>45</v>
      </c>
      <c r="Q47" s="43">
        <v>14242</v>
      </c>
      <c r="R47" s="44" t="s">
        <v>45</v>
      </c>
      <c r="S47" s="61" t="s">
        <v>53</v>
      </c>
      <c r="T47" s="55"/>
      <c r="U47" s="19">
        <v>6902</v>
      </c>
      <c r="V47" s="45" t="s">
        <v>45</v>
      </c>
      <c r="W47" s="19">
        <v>6749</v>
      </c>
      <c r="X47" s="45" t="s">
        <v>45</v>
      </c>
      <c r="Y47" s="19">
        <v>6841</v>
      </c>
      <c r="Z47" s="45" t="s">
        <v>45</v>
      </c>
      <c r="AA47" s="43">
        <v>6899</v>
      </c>
      <c r="AB47" s="44" t="s">
        <v>45</v>
      </c>
      <c r="AC47" s="19">
        <v>16620</v>
      </c>
      <c r="AD47" s="45" t="s">
        <v>59</v>
      </c>
      <c r="AE47" s="19">
        <v>17851</v>
      </c>
      <c r="AF47" s="45" t="s">
        <v>59</v>
      </c>
      <c r="AG47" s="19">
        <v>17468</v>
      </c>
      <c r="AH47" s="45" t="s">
        <v>59</v>
      </c>
      <c r="AI47" s="41">
        <v>16644</v>
      </c>
      <c r="AJ47" s="44" t="s">
        <v>59</v>
      </c>
    </row>
    <row r="48" spans="1:36" ht="14.1" customHeight="1" thickTop="1" thickBot="1" x14ac:dyDescent="0.2">
      <c r="A48" s="61" t="s">
        <v>54</v>
      </c>
      <c r="B48" s="55"/>
      <c r="C48" s="19">
        <v>56175</v>
      </c>
      <c r="D48" s="39" t="s">
        <v>45</v>
      </c>
      <c r="E48" s="39" t="s">
        <v>45</v>
      </c>
      <c r="F48" s="39" t="s">
        <v>45</v>
      </c>
      <c r="G48" s="19">
        <v>58818</v>
      </c>
      <c r="H48" s="39" t="s">
        <v>45</v>
      </c>
      <c r="I48" s="43">
        <v>56175</v>
      </c>
      <c r="J48" s="42" t="s">
        <v>45</v>
      </c>
      <c r="K48" s="19">
        <v>12854</v>
      </c>
      <c r="L48" s="45" t="s">
        <v>45</v>
      </c>
      <c r="M48" s="45" t="s">
        <v>45</v>
      </c>
      <c r="N48" s="45" t="s">
        <v>45</v>
      </c>
      <c r="O48" s="19">
        <v>15990</v>
      </c>
      <c r="P48" s="45" t="s">
        <v>45</v>
      </c>
      <c r="Q48" s="43">
        <v>12854</v>
      </c>
      <c r="R48" s="44" t="s">
        <v>45</v>
      </c>
      <c r="S48" s="61" t="s">
        <v>54</v>
      </c>
      <c r="T48" s="55"/>
      <c r="U48" s="19">
        <v>6998</v>
      </c>
      <c r="V48" s="45" t="s">
        <v>45</v>
      </c>
      <c r="W48" s="45" t="s">
        <v>45</v>
      </c>
      <c r="X48" s="45" t="s">
        <v>45</v>
      </c>
      <c r="Y48" s="19">
        <v>6996</v>
      </c>
      <c r="Z48" s="45" t="s">
        <v>45</v>
      </c>
      <c r="AA48" s="43">
        <v>6998</v>
      </c>
      <c r="AB48" s="44" t="s">
        <v>45</v>
      </c>
      <c r="AC48" s="19">
        <v>15132</v>
      </c>
      <c r="AD48" s="45" t="s">
        <v>59</v>
      </c>
      <c r="AE48" s="45" t="s">
        <v>59</v>
      </c>
      <c r="AF48" s="45" t="s">
        <v>59</v>
      </c>
      <c r="AG48" s="19">
        <v>19847</v>
      </c>
      <c r="AH48" s="45" t="s">
        <v>59</v>
      </c>
      <c r="AI48" s="41">
        <v>15132</v>
      </c>
      <c r="AJ48" s="44" t="s">
        <v>59</v>
      </c>
    </row>
    <row r="49" spans="1:36" ht="14.1" customHeight="1" thickTop="1" thickBot="1" x14ac:dyDescent="0.2">
      <c r="A49" s="59" t="s">
        <v>55</v>
      </c>
      <c r="B49" s="60"/>
      <c r="C49" s="48">
        <v>41208</v>
      </c>
      <c r="D49" s="47" t="s">
        <v>45</v>
      </c>
      <c r="E49" s="48">
        <v>44971</v>
      </c>
      <c r="F49" s="47" t="s">
        <v>45</v>
      </c>
      <c r="G49" s="48">
        <v>46121</v>
      </c>
      <c r="H49" s="47" t="s">
        <v>45</v>
      </c>
      <c r="I49" s="48">
        <v>41273</v>
      </c>
      <c r="J49" s="49" t="s">
        <v>45</v>
      </c>
      <c r="K49" s="48">
        <v>14150</v>
      </c>
      <c r="L49" s="50" t="s">
        <v>45</v>
      </c>
      <c r="M49" s="48">
        <v>15863</v>
      </c>
      <c r="N49" s="50" t="s">
        <v>45</v>
      </c>
      <c r="O49" s="48">
        <v>14635</v>
      </c>
      <c r="P49" s="50" t="s">
        <v>45</v>
      </c>
      <c r="Q49" s="48">
        <v>14181</v>
      </c>
      <c r="R49" s="51" t="s">
        <v>45</v>
      </c>
      <c r="S49" s="59" t="s">
        <v>55</v>
      </c>
      <c r="T49" s="60"/>
      <c r="U49" s="48">
        <v>6907</v>
      </c>
      <c r="V49" s="50" t="s">
        <v>45</v>
      </c>
      <c r="W49" s="48">
        <v>6749</v>
      </c>
      <c r="X49" s="50" t="s">
        <v>45</v>
      </c>
      <c r="Y49" s="48">
        <v>6844</v>
      </c>
      <c r="Z49" s="50" t="s">
        <v>45</v>
      </c>
      <c r="AA49" s="48">
        <v>6904</v>
      </c>
      <c r="AB49" s="51" t="s">
        <v>45</v>
      </c>
      <c r="AC49" s="48">
        <v>16557</v>
      </c>
      <c r="AD49" s="50" t="s">
        <v>59</v>
      </c>
      <c r="AE49" s="48">
        <v>17851</v>
      </c>
      <c r="AF49" s="50" t="s">
        <v>59</v>
      </c>
      <c r="AG49" s="48">
        <v>17512</v>
      </c>
      <c r="AH49" s="50" t="s">
        <v>59</v>
      </c>
      <c r="AI49" s="48">
        <v>16580</v>
      </c>
      <c r="AJ49" s="51" t="s">
        <v>59</v>
      </c>
    </row>
    <row r="50" spans="1:36" ht="14.1" customHeight="1" x14ac:dyDescent="0.15">
      <c r="A50" s="75" t="s">
        <v>60</v>
      </c>
      <c r="B50" s="75"/>
      <c r="C50" s="75"/>
      <c r="D50" s="75"/>
      <c r="E50" s="75"/>
      <c r="F50" s="75"/>
      <c r="G50" s="75"/>
      <c r="H50" s="75"/>
      <c r="I50" s="75"/>
      <c r="J50" s="75"/>
      <c r="K50" s="75"/>
      <c r="L50" s="75"/>
      <c r="M50" s="75"/>
      <c r="N50" s="75"/>
      <c r="O50" s="75"/>
      <c r="P50" s="75"/>
      <c r="Q50" s="75"/>
      <c r="R50" s="75"/>
      <c r="S50" s="75" t="s">
        <v>60</v>
      </c>
      <c r="T50" s="75"/>
      <c r="U50" s="75"/>
      <c r="V50" s="75"/>
      <c r="W50" s="75"/>
      <c r="X50" s="75"/>
      <c r="Y50" s="75"/>
      <c r="Z50" s="75"/>
      <c r="AA50" s="75"/>
      <c r="AB50" s="75"/>
      <c r="AC50" s="75"/>
      <c r="AD50" s="75"/>
      <c r="AE50" s="75"/>
      <c r="AF50" s="75"/>
      <c r="AG50" s="75"/>
      <c r="AH50" s="75"/>
      <c r="AI50" s="75"/>
      <c r="AJ50" s="75"/>
    </row>
    <row r="51" spans="1:36" ht="15.75" customHeight="1" x14ac:dyDescent="0.15">
      <c r="AB51" s="2"/>
    </row>
    <row r="52" spans="1:36" ht="15.75" customHeight="1" x14ac:dyDescent="0.15">
      <c r="AB52" s="2"/>
    </row>
    <row r="53" spans="1:36" ht="15.75" customHeight="1" x14ac:dyDescent="0.15">
      <c r="AB53" s="2"/>
    </row>
    <row r="54" spans="1:36" ht="15.75" customHeight="1" x14ac:dyDescent="0.15">
      <c r="AB54" s="2"/>
    </row>
    <row r="55" spans="1:36" ht="15.75" customHeight="1" x14ac:dyDescent="0.15">
      <c r="AB55" s="2"/>
    </row>
    <row r="56" spans="1:36" ht="15.75" customHeight="1" x14ac:dyDescent="0.15">
      <c r="AB56" s="2"/>
    </row>
    <row r="57" spans="1:36" ht="15.75" customHeight="1" x14ac:dyDescent="0.15">
      <c r="AB57" s="2"/>
    </row>
    <row r="58" spans="1:36" ht="15.75" customHeight="1" x14ac:dyDescent="0.15">
      <c r="AB58" s="2"/>
    </row>
    <row r="59" spans="1:36" ht="15.75" customHeight="1" x14ac:dyDescent="0.15">
      <c r="AB59" s="2"/>
    </row>
    <row r="60" spans="1:36" ht="15.75" customHeight="1" x14ac:dyDescent="0.15">
      <c r="AB60" s="2"/>
    </row>
    <row r="61" spans="1:36" ht="15.75" customHeight="1" x14ac:dyDescent="0.15">
      <c r="AB61" s="2"/>
    </row>
    <row r="62" spans="1:36" ht="15.75" customHeight="1" x14ac:dyDescent="0.15">
      <c r="AB62" s="2"/>
    </row>
    <row r="63" spans="1:36" ht="15.75" customHeight="1" x14ac:dyDescent="0.15">
      <c r="AB63" s="2"/>
    </row>
    <row r="64" spans="1:36" ht="15.75" customHeight="1" x14ac:dyDescent="0.15">
      <c r="AB64" s="2"/>
    </row>
    <row r="65" spans="28:28" ht="15.75" customHeight="1" x14ac:dyDescent="0.15">
      <c r="AB65" s="2"/>
    </row>
    <row r="66" spans="28:28" ht="15.75" customHeight="1" x14ac:dyDescent="0.15">
      <c r="AB66" s="2"/>
    </row>
    <row r="67" spans="28:28" ht="15.75" customHeight="1" x14ac:dyDescent="0.15">
      <c r="AB67" s="2"/>
    </row>
    <row r="68" spans="28:28" ht="15.75" customHeight="1" x14ac:dyDescent="0.15">
      <c r="AB68" s="2"/>
    </row>
    <row r="69" spans="28:28" ht="15.75" customHeight="1" x14ac:dyDescent="0.15">
      <c r="AB69" s="2"/>
    </row>
    <row r="70" spans="28:28" ht="15.75" customHeight="1" x14ac:dyDescent="0.15">
      <c r="AB70" s="2"/>
    </row>
    <row r="71" spans="28:28" ht="15.75" customHeight="1" x14ac:dyDescent="0.15">
      <c r="AB71" s="2"/>
    </row>
    <row r="72" spans="28:28" ht="15.75" customHeight="1" x14ac:dyDescent="0.15">
      <c r="AB72" s="2"/>
    </row>
    <row r="73" spans="28:28" ht="15.75" customHeight="1" x14ac:dyDescent="0.15">
      <c r="AB73" s="2"/>
    </row>
    <row r="74" spans="28:28" ht="15.75" customHeight="1" x14ac:dyDescent="0.15">
      <c r="AB74" s="2"/>
    </row>
    <row r="75" spans="28:28" ht="15.75" customHeight="1" x14ac:dyDescent="0.15">
      <c r="AB75" s="2"/>
    </row>
    <row r="76" spans="28:28" ht="15.75" customHeight="1" x14ac:dyDescent="0.15">
      <c r="AB76" s="2"/>
    </row>
    <row r="77" spans="28:28" ht="15.75" customHeight="1" x14ac:dyDescent="0.15">
      <c r="AB77" s="2"/>
    </row>
    <row r="78" spans="28:28" ht="15.75" customHeight="1" x14ac:dyDescent="0.15">
      <c r="AB78" s="2"/>
    </row>
    <row r="79" spans="28:28" ht="15.75" customHeight="1" x14ac:dyDescent="0.15">
      <c r="AB79" s="2"/>
    </row>
    <row r="80" spans="28:28" ht="15.75" customHeight="1" x14ac:dyDescent="0.15">
      <c r="AB80" s="2"/>
    </row>
    <row r="81" spans="28:28" ht="15.75" customHeight="1" x14ac:dyDescent="0.15">
      <c r="AB81" s="2"/>
    </row>
    <row r="82" spans="28:28" ht="15.75" customHeight="1" x14ac:dyDescent="0.15">
      <c r="AB82" s="2"/>
    </row>
    <row r="83" spans="28:28" ht="15.75" customHeight="1" x14ac:dyDescent="0.15">
      <c r="AB83" s="2"/>
    </row>
    <row r="84" spans="28:28" ht="15.75" customHeight="1" x14ac:dyDescent="0.15">
      <c r="AB84" s="2"/>
    </row>
    <row r="85" spans="28:28" ht="15.75" customHeight="1" x14ac:dyDescent="0.15">
      <c r="AB85" s="2"/>
    </row>
    <row r="86" spans="28:28" ht="15.75" customHeight="1" x14ac:dyDescent="0.15">
      <c r="AB86" s="2"/>
    </row>
    <row r="87" spans="28:28" ht="15.75" customHeight="1" x14ac:dyDescent="0.15">
      <c r="AB87" s="2"/>
    </row>
    <row r="88" spans="28:28" ht="15.75" customHeight="1" x14ac:dyDescent="0.15">
      <c r="AB88" s="2"/>
    </row>
    <row r="89" spans="28:28" ht="15.75" customHeight="1" x14ac:dyDescent="0.15">
      <c r="AB89" s="2"/>
    </row>
    <row r="90" spans="28:28" ht="15.75" customHeight="1" x14ac:dyDescent="0.15">
      <c r="AB90" s="2"/>
    </row>
    <row r="91" spans="28:28" ht="15.75" customHeight="1" x14ac:dyDescent="0.15">
      <c r="AB91" s="2"/>
    </row>
    <row r="92" spans="28:28" ht="15.75" customHeight="1" x14ac:dyDescent="0.15">
      <c r="AB92" s="2"/>
    </row>
    <row r="93" spans="28:28" ht="15.75" customHeight="1" x14ac:dyDescent="0.15">
      <c r="AB93" s="2"/>
    </row>
    <row r="94" spans="28:28" ht="15.75" customHeight="1" x14ac:dyDescent="0.15">
      <c r="AB94" s="2"/>
    </row>
    <row r="95" spans="28:28" ht="15.75" customHeight="1" x14ac:dyDescent="0.15">
      <c r="AB95" s="2"/>
    </row>
    <row r="96" spans="28:28" ht="15.75" customHeight="1" x14ac:dyDescent="0.15">
      <c r="AB96" s="2"/>
    </row>
    <row r="97" spans="28:28" ht="15.75" customHeight="1" x14ac:dyDescent="0.15">
      <c r="AB97" s="2"/>
    </row>
    <row r="98" spans="28:28" ht="15.75" customHeight="1" x14ac:dyDescent="0.15">
      <c r="AB98" s="2"/>
    </row>
    <row r="99" spans="28:28" ht="15.75" customHeight="1" x14ac:dyDescent="0.15">
      <c r="AB99" s="2"/>
    </row>
    <row r="100" spans="28:28" ht="15.75" customHeight="1" x14ac:dyDescent="0.15">
      <c r="AB100" s="2"/>
    </row>
    <row r="101" spans="28:28" ht="15.75" customHeight="1" x14ac:dyDescent="0.15">
      <c r="AB101" s="2"/>
    </row>
    <row r="102" spans="28:28" ht="15.75" customHeight="1" x14ac:dyDescent="0.15">
      <c r="AB102" s="2"/>
    </row>
    <row r="103" spans="28:28" ht="15.75" customHeight="1" x14ac:dyDescent="0.15">
      <c r="AB103" s="2"/>
    </row>
    <row r="104" spans="28:28" ht="15.75" customHeight="1" x14ac:dyDescent="0.15">
      <c r="AB104" s="2"/>
    </row>
    <row r="105" spans="28:28" ht="15.75" customHeight="1" x14ac:dyDescent="0.15">
      <c r="AB105" s="2"/>
    </row>
    <row r="106" spans="28:28" ht="15.75" customHeight="1" x14ac:dyDescent="0.15">
      <c r="AB106" s="2"/>
    </row>
    <row r="107" spans="28:28" ht="15.75" customHeight="1" x14ac:dyDescent="0.15">
      <c r="AB107" s="2"/>
    </row>
    <row r="108" spans="28:28" ht="15.75" customHeight="1" x14ac:dyDescent="0.15">
      <c r="AB108" s="2"/>
    </row>
    <row r="109" spans="28:28" ht="15.75" customHeight="1" x14ac:dyDescent="0.15">
      <c r="AB109" s="2"/>
    </row>
    <row r="110" spans="28:28" ht="15.75" customHeight="1" x14ac:dyDescent="0.15">
      <c r="AB110" s="2"/>
    </row>
    <row r="111" spans="28:28" ht="15.75" customHeight="1" x14ac:dyDescent="0.15">
      <c r="AB111" s="2"/>
    </row>
    <row r="112" spans="28:28" ht="15.75" customHeight="1" x14ac:dyDescent="0.15">
      <c r="AB112" s="2"/>
    </row>
    <row r="113" spans="28:28" ht="15.75" customHeight="1" x14ac:dyDescent="0.15">
      <c r="AB113" s="2"/>
    </row>
    <row r="114" spans="28:28" ht="15.75" customHeight="1" x14ac:dyDescent="0.15">
      <c r="AB114" s="2"/>
    </row>
    <row r="115" spans="28:28" ht="15.75" customHeight="1" x14ac:dyDescent="0.15">
      <c r="AB115" s="2"/>
    </row>
    <row r="116" spans="28:28" ht="15.75" customHeight="1" x14ac:dyDescent="0.15">
      <c r="AB116" s="2"/>
    </row>
    <row r="117" spans="28:28" ht="15.75" customHeight="1" x14ac:dyDescent="0.15">
      <c r="AB117" s="2"/>
    </row>
    <row r="118" spans="28:28" ht="15.75" customHeight="1" x14ac:dyDescent="0.15">
      <c r="AB118" s="2"/>
    </row>
    <row r="119" spans="28:28" ht="15.75" customHeight="1" x14ac:dyDescent="0.15">
      <c r="AB119" s="2"/>
    </row>
    <row r="120" spans="28:28" ht="15.75" customHeight="1" x14ac:dyDescent="0.15">
      <c r="AB120" s="2"/>
    </row>
    <row r="121" spans="28:28" ht="15.75" customHeight="1" x14ac:dyDescent="0.15">
      <c r="AB121" s="2"/>
    </row>
    <row r="122" spans="28:28" ht="15.75" customHeight="1" x14ac:dyDescent="0.15">
      <c r="AB122" s="2"/>
    </row>
    <row r="123" spans="28:28" ht="15.75" customHeight="1" x14ac:dyDescent="0.15">
      <c r="AB123" s="2"/>
    </row>
    <row r="124" spans="28:28" ht="15.75" customHeight="1" x14ac:dyDescent="0.15">
      <c r="AB124" s="2"/>
    </row>
    <row r="125" spans="28:28" ht="15.75" customHeight="1" x14ac:dyDescent="0.15">
      <c r="AB125" s="2"/>
    </row>
    <row r="126" spans="28:28" ht="15.75" customHeight="1" x14ac:dyDescent="0.15">
      <c r="AB126" s="2"/>
    </row>
    <row r="127" spans="28:28" ht="15.75" customHeight="1" x14ac:dyDescent="0.15">
      <c r="AB127" s="2"/>
    </row>
    <row r="128" spans="28:28" ht="15.75" customHeight="1" x14ac:dyDescent="0.15">
      <c r="AB128" s="2"/>
    </row>
  </sheetData>
  <mergeCells count="34">
    <mergeCell ref="A3:B5"/>
    <mergeCell ref="C3:J3"/>
    <mergeCell ref="K3:R3"/>
    <mergeCell ref="S3:T5"/>
    <mergeCell ref="U3:AB3"/>
    <mergeCell ref="AC3:AJ3"/>
    <mergeCell ref="C4:D4"/>
    <mergeCell ref="E4:F4"/>
    <mergeCell ref="AG4:AH4"/>
    <mergeCell ref="AI4:AJ4"/>
    <mergeCell ref="O4:P4"/>
    <mergeCell ref="Q4:R4"/>
    <mergeCell ref="U4:V4"/>
    <mergeCell ref="W4:X4"/>
    <mergeCell ref="Y4:Z4"/>
    <mergeCell ref="A45:B45"/>
    <mergeCell ref="S45:T45"/>
    <mergeCell ref="A46:B46"/>
    <mergeCell ref="S46:T46"/>
    <mergeCell ref="A47:B47"/>
    <mergeCell ref="S47:T47"/>
    <mergeCell ref="AA4:AB4"/>
    <mergeCell ref="AC4:AD4"/>
    <mergeCell ref="AE4:AF4"/>
    <mergeCell ref="G4:H4"/>
    <mergeCell ref="I4:J4"/>
    <mergeCell ref="K4:L4"/>
    <mergeCell ref="M4:N4"/>
    <mergeCell ref="A48:B48"/>
    <mergeCell ref="S48:T48"/>
    <mergeCell ref="A49:B49"/>
    <mergeCell ref="S49:T49"/>
    <mergeCell ref="A50:R50"/>
    <mergeCell ref="S50:AJ50"/>
  </mergeCells>
  <phoneticPr fontId="2"/>
  <printOptions horizontalCentered="1" gridLinesSet="0"/>
  <pageMargins left="0.7" right="0.7" top="0.75" bottom="0.75" header="0.3" footer="0.3"/>
  <pageSetup paperSize="9" scale="76" pageOrder="overThenDown" orientation="landscape" blackAndWhite="1" r:id="rId1"/>
  <headerFooter alignWithMargins="0"/>
  <rowBreaks count="1" manualBreakCount="1">
    <brk id="260" max="65535" man="1"/>
  </rowBreaks>
  <colBreaks count="1" manualBreakCount="1"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給付 (2)</vt:lpstr>
      <vt:lpstr>'給付 (2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13:05Z</cp:lastPrinted>
  <dcterms:created xsi:type="dcterms:W3CDTF">2018-03-07T07:23:13Z</dcterms:created>
  <dcterms:modified xsi:type="dcterms:W3CDTF">2018-03-20T01:37:00Z</dcterms:modified>
</cp:coreProperties>
</file>